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ppt/tags/tag31.xml" ContentType="application/vnd.openxmlformats-officedocument.presentationml.tags+xml"/>
  <Override PartName="/ppt/notesSlides/notesSlide30.xml" ContentType="application/vnd.openxmlformats-officedocument.presentationml.notesSlide+xml"/>
  <Override PartName="/ppt/tags/tag32.xml" ContentType="application/vnd.openxmlformats-officedocument.presentationml.tags+xml"/>
  <Override PartName="/ppt/notesSlides/notesSlide31.xml" ContentType="application/vnd.openxmlformats-officedocument.presentationml.notesSlide+xml"/>
  <Override PartName="/ppt/tags/tag33.xml" ContentType="application/vnd.openxmlformats-officedocument.presentationml.tags+xml"/>
  <Override PartName="/ppt/notesSlides/notesSlide32.xml" ContentType="application/vnd.openxmlformats-officedocument.presentationml.notesSlide+xml"/>
  <Override PartName="/ppt/tags/tag34.xml" ContentType="application/vnd.openxmlformats-officedocument.presentationml.tags+xml"/>
  <Override PartName="/ppt/notesSlides/notesSlide3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8"/>
  </p:notesMasterIdLst>
  <p:handoutMasterIdLst>
    <p:handoutMasterId r:id="rId39"/>
  </p:handoutMasterIdLst>
  <p:sldIdLst>
    <p:sldId id="261" r:id="rId2"/>
    <p:sldId id="262" r:id="rId3"/>
    <p:sldId id="293" r:id="rId4"/>
    <p:sldId id="294" r:id="rId5"/>
    <p:sldId id="301" r:id="rId6"/>
    <p:sldId id="270" r:id="rId7"/>
    <p:sldId id="304" r:id="rId8"/>
    <p:sldId id="271" r:id="rId9"/>
    <p:sldId id="273" r:id="rId10"/>
    <p:sldId id="310" r:id="rId11"/>
    <p:sldId id="274" r:id="rId12"/>
    <p:sldId id="275" r:id="rId13"/>
    <p:sldId id="312" r:id="rId14"/>
    <p:sldId id="313" r:id="rId15"/>
    <p:sldId id="276" r:id="rId16"/>
    <p:sldId id="302" r:id="rId17"/>
    <p:sldId id="278" r:id="rId18"/>
    <p:sldId id="315" r:id="rId19"/>
    <p:sldId id="279" r:id="rId20"/>
    <p:sldId id="303" r:id="rId21"/>
    <p:sldId id="314" r:id="rId22"/>
    <p:sldId id="284" r:id="rId23"/>
    <p:sldId id="305" r:id="rId24"/>
    <p:sldId id="306" r:id="rId25"/>
    <p:sldId id="307" r:id="rId26"/>
    <p:sldId id="287" r:id="rId27"/>
    <p:sldId id="288" r:id="rId28"/>
    <p:sldId id="299" r:id="rId29"/>
    <p:sldId id="300" r:id="rId30"/>
    <p:sldId id="308" r:id="rId31"/>
    <p:sldId id="309" r:id="rId32"/>
    <p:sldId id="289" r:id="rId33"/>
    <p:sldId id="290" r:id="rId34"/>
    <p:sldId id="291" r:id="rId35"/>
    <p:sldId id="298" r:id="rId36"/>
    <p:sldId id="260" r:id="rId37"/>
  </p:sldIdLst>
  <p:sldSz cx="12188825" cy="6858000"/>
  <p:notesSz cx="6797675" cy="9926638"/>
  <p:embeddedFontLst>
    <p:embeddedFont>
      <p:font typeface="AU Passata" panose="020B0503030502030804" pitchFamily="34" charset="77"/>
      <p:regular r:id="rId40"/>
      <p:bold r:id="rId41"/>
    </p:embeddedFont>
    <p:embeddedFont>
      <p:font typeface="AU Passata Light" panose="020B0303030902030804" pitchFamily="34" charset="77"/>
      <p:regular r:id="rId42"/>
      <p:bold r:id="rId43"/>
    </p:embeddedFont>
    <p:embeddedFont>
      <p:font typeface="AU Peto" pitchFamily="82" charset="77"/>
      <p:regular r:id="rId44"/>
      <p:bold r:id="rId45"/>
    </p:embeddedFont>
    <p:embeddedFont>
      <p:font typeface="Calibri" panose="020F0502020204030204" pitchFamily="34" charset="0"/>
      <p:regular r:id="rId46"/>
      <p:bold r:id="rId47"/>
      <p:italic r:id="rId48"/>
      <p:boldItalic r:id="rId49"/>
    </p:embeddedFont>
    <p:embeddedFont>
      <p:font typeface="Cambria Math" panose="02040503050406030204" pitchFamily="18" charset="0"/>
      <p:regular r:id="rId50"/>
    </p:embeddedFont>
    <p:embeddedFont>
      <p:font typeface="Georgia" panose="02040502050405020303" pitchFamily="18" charset="0"/>
      <p:regular r:id="rId51"/>
      <p:bold r:id="rId52"/>
      <p:italic r:id="rId53"/>
      <p:boldItalic r:id="rId54"/>
    </p:embeddedFont>
    <p:embeddedFont>
      <p:font typeface="Trebuchet MS" panose="020B0703020202090204" pitchFamily="34" charset="0"/>
      <p:regular r:id="rId55"/>
      <p:bold r:id="rId56"/>
      <p:italic r:id="rId57"/>
    </p:embeddedFont>
    <p:embeddedFont>
      <p:font typeface="Wingdings 3" pitchFamily="2" charset="2"/>
      <p:regular r:id="rId5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B050"/>
    <a:srgbClr val="FFFF00"/>
    <a:srgbClr val="30B0EC"/>
    <a:srgbClr val="7030A0"/>
    <a:srgbClr val="183D83"/>
    <a:srgbClr val="FFFFFF"/>
    <a:srgbClr val="00FA00"/>
    <a:srgbClr val="FFA502"/>
    <a:srgbClr val="A034F0"/>
    <a:srgbClr val="FFFB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34" autoAdjust="0"/>
    <p:restoredTop sz="96296" autoAdjust="0"/>
  </p:normalViewPr>
  <p:slideViewPr>
    <p:cSldViewPr snapToObjects="1" showGuides="1">
      <p:cViewPr>
        <p:scale>
          <a:sx n="103" d="100"/>
          <a:sy n="103" d="100"/>
        </p:scale>
        <p:origin x="1400" y="60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handoutMaster" Target="handoutMasters/handoutMaster1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3.fntdata"/><Relationship Id="rId47" Type="http://schemas.openxmlformats.org/officeDocument/2006/relationships/font" Target="fonts/font8.fntdata"/><Relationship Id="rId50" Type="http://schemas.openxmlformats.org/officeDocument/2006/relationships/font" Target="fonts/font11.fntdata"/><Relationship Id="rId55" Type="http://schemas.openxmlformats.org/officeDocument/2006/relationships/font" Target="fonts/font16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font" Target="fonts/font1.fntdata"/><Relationship Id="rId45" Type="http://schemas.openxmlformats.org/officeDocument/2006/relationships/font" Target="fonts/font6.fntdata"/><Relationship Id="rId53" Type="http://schemas.openxmlformats.org/officeDocument/2006/relationships/font" Target="fonts/font14.fntdata"/><Relationship Id="rId58" Type="http://schemas.openxmlformats.org/officeDocument/2006/relationships/font" Target="fonts/font19.fntdata"/><Relationship Id="rId5" Type="http://schemas.openxmlformats.org/officeDocument/2006/relationships/slide" Target="slides/slide4.xml"/><Relationship Id="rId61" Type="http://schemas.openxmlformats.org/officeDocument/2006/relationships/theme" Target="theme/theme1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4.fntdata"/><Relationship Id="rId48" Type="http://schemas.openxmlformats.org/officeDocument/2006/relationships/font" Target="fonts/font9.fntdata"/><Relationship Id="rId56" Type="http://schemas.openxmlformats.org/officeDocument/2006/relationships/font" Target="fonts/font17.fntdata"/><Relationship Id="rId8" Type="http://schemas.openxmlformats.org/officeDocument/2006/relationships/slide" Target="slides/slide7.xml"/><Relationship Id="rId51" Type="http://schemas.openxmlformats.org/officeDocument/2006/relationships/font" Target="fonts/font12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notesMaster" Target="notesMasters/notesMaster1.xml"/><Relationship Id="rId46" Type="http://schemas.openxmlformats.org/officeDocument/2006/relationships/font" Target="fonts/font7.fntdata"/><Relationship Id="rId59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font" Target="fonts/font2.fntdata"/><Relationship Id="rId54" Type="http://schemas.openxmlformats.org/officeDocument/2006/relationships/font" Target="fonts/font15.fntdata"/><Relationship Id="rId62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10.fntdata"/><Relationship Id="rId57" Type="http://schemas.openxmlformats.org/officeDocument/2006/relationships/font" Target="fonts/font18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font" Target="fonts/font5.fntdata"/><Relationship Id="rId52" Type="http://schemas.openxmlformats.org/officeDocument/2006/relationships/font" Target="fonts/font13.fntdata"/><Relationship Id="rId6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57452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521317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186112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936056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421190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58763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4860456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36640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327141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166795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808492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Three species, two speciation events.</a:t>
            </a:r>
          </a:p>
          <a:p>
            <a:r>
              <a:rPr lang="en-GB" dirty="0"/>
              <a:t>- If 1st coal between T1 and T2 -&gt; gene tree = species tree</a:t>
            </a:r>
          </a:p>
          <a:p>
            <a:r>
              <a:rPr lang="en-GB" dirty="0"/>
              <a:t>- If 1st coal escapes T2 -&gt; maybe gene tree != species tree</a:t>
            </a:r>
          </a:p>
          <a:p>
            <a:r>
              <a:rPr lang="en-GB" dirty="0"/>
              <a:t>- This is called ILS.</a:t>
            </a:r>
          </a:p>
          <a:p>
            <a:r>
              <a:rPr lang="en-GB" dirty="0"/>
              <a:t>- Usually regarded as an obstacle for phylogenetic reconstruction.</a:t>
            </a:r>
          </a:p>
          <a:p>
            <a:r>
              <a:rPr lang="en-GB" dirty="0"/>
              <a:t>- But valuable -&gt; information-rich about speciation times and ancestral population siz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09831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7011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7788784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7515945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72333843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824515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0797534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385765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27840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0384741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38534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423502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202194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6282773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805251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Sequentially Markovian </a:t>
            </a:r>
            <a:r>
              <a:rPr lang="en-GB" dirty="0" err="1"/>
              <a:t>coalescents</a:t>
            </a:r>
            <a:endParaRPr lang="en-GB" dirty="0"/>
          </a:p>
          <a:p>
            <a:r>
              <a:rPr lang="en-GB" dirty="0"/>
              <a:t>	- Hidden states are discretized time intervals.</a:t>
            </a:r>
          </a:p>
          <a:p>
            <a:r>
              <a:rPr lang="en-GB" dirty="0"/>
              <a:t>	- Useful to model changes in Ne through time.</a:t>
            </a:r>
          </a:p>
          <a:p>
            <a:r>
              <a:rPr lang="en-GB" dirty="0"/>
              <a:t>	- Drawback: only one coalescent.</a:t>
            </a:r>
          </a:p>
          <a:p>
            <a:r>
              <a:rPr lang="en-GB" dirty="0"/>
              <a:t>- </a:t>
            </a:r>
            <a:r>
              <a:rPr lang="en-GB" dirty="0" err="1"/>
              <a:t>CoalHMM</a:t>
            </a:r>
            <a:r>
              <a:rPr lang="en-GB" dirty="0"/>
              <a:t>:</a:t>
            </a:r>
          </a:p>
          <a:p>
            <a:r>
              <a:rPr lang="en-GB" dirty="0"/>
              <a:t>	-hidden states are phylogenetic trees</a:t>
            </a:r>
          </a:p>
          <a:p>
            <a:r>
              <a:rPr lang="en-GB" dirty="0"/>
              <a:t>	- V0: canonical topology</a:t>
            </a:r>
          </a:p>
          <a:p>
            <a:r>
              <a:rPr lang="en-GB" dirty="0"/>
              <a:t>	- V1, V2, V3: the others deep coalescence</a:t>
            </a:r>
          </a:p>
          <a:p>
            <a:r>
              <a:rPr lang="en-GB" dirty="0"/>
              <a:t>	- V2, V3: alternative topologies (ILS).</a:t>
            </a:r>
          </a:p>
          <a:p>
            <a:r>
              <a:rPr lang="en-GB" dirty="0"/>
              <a:t>	- Useful to infer spec times &amp; ancestral Ne.</a:t>
            </a:r>
          </a:p>
          <a:p>
            <a:r>
              <a:rPr lang="en-GB" dirty="0"/>
              <a:t>	- Drawback: biased parameter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759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Combine the two approach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94306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544938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New hidden states: phylogenetic trees with two discretized coalescent events.</a:t>
            </a:r>
          </a:p>
          <a:p>
            <a:r>
              <a:rPr lang="en-GB" dirty="0"/>
              <a:t>- V0 -&gt; set of V0 states, each with a combination of coal tim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035395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- ILSMC is built by interconnected CTMCs (continuous-time Markov chains). </a:t>
            </a:r>
          </a:p>
          <a:p>
            <a:r>
              <a:rPr lang="en-GB" dirty="0"/>
              <a:t>- These are needed to get the transition probability matrix of ILSMC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023201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05504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7600"/>
            <a:ext cx="557569" cy="558000"/>
          </a:xfrm>
          <a:prstGeom prst="rect">
            <a:avLst/>
          </a:prstGeom>
        </p:spPr>
      </p:pic>
      <p:pic>
        <p:nvPicPr>
          <p:cNvPr id="1001001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4259" y="6125979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DD5B08DA-976E-D44C-9F50-A90003067A6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28 April 2022</a:t>
            </a:r>
          </a:p>
        </p:txBody>
      </p:sp>
      <p:sp>
        <p:nvSpPr>
          <p:cNvPr id="21" name="USR_Title">
            <a:extLst>
              <a:ext uri="{FF2B5EF4-FFF2-40B4-BE49-F238E27FC236}">
                <a16:creationId xmlns:a16="http://schemas.microsoft.com/office/drawing/2014/main" id="{E81BC330-86EC-0841-9CC4-65FA01C7F19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2" name="FLD_Event">
            <a:extLst>
              <a:ext uri="{FF2B5EF4-FFF2-40B4-BE49-F238E27FC236}">
                <a16:creationId xmlns:a16="http://schemas.microsoft.com/office/drawing/2014/main" id="{0117CD17-946C-6B41-B0CA-420E2D9C200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LSMC</a:t>
            </a:r>
          </a:p>
        </p:txBody>
      </p:sp>
      <p:sp>
        <p:nvSpPr>
          <p:cNvPr id="23" name="USR_Name">
            <a:extLst>
              <a:ext uri="{FF2B5EF4-FFF2-40B4-BE49-F238E27FC236}">
                <a16:creationId xmlns:a16="http://schemas.microsoft.com/office/drawing/2014/main" id="{1455A4DB-C51A-8246-8C06-3C70781B2A4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24" name="Billede streg">
            <a:extLst>
              <a:ext uri="{FF2B5EF4-FFF2-40B4-BE49-F238E27FC236}">
                <a16:creationId xmlns:a16="http://schemas.microsoft.com/office/drawing/2014/main" id="{F1966325-5306-E64B-BC83-FFA8E24D00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7999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5071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bGen 2022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4480303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>
            <a:lvl1pPr algn="ctr">
              <a:defRPr cap="none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04/2022</a:t>
            </a:fld>
            <a:r>
              <a:rPr lang="en-GB" dirty="0"/>
              <a:t>29/03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471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6093296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1080071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1080070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2" name="Date_DateCustomA">
            <a:extLst>
              <a:ext uri="{FF2B5EF4-FFF2-40B4-BE49-F238E27FC236}">
                <a16:creationId xmlns:a16="http://schemas.microsoft.com/office/drawing/2014/main" id="{7856B80C-8993-384F-B135-A08ED522F99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28 April 2022</a:t>
            </a:r>
          </a:p>
        </p:txBody>
      </p:sp>
      <p:sp>
        <p:nvSpPr>
          <p:cNvPr id="33" name="USR_Title">
            <a:extLst>
              <a:ext uri="{FF2B5EF4-FFF2-40B4-BE49-F238E27FC236}">
                <a16:creationId xmlns:a16="http://schemas.microsoft.com/office/drawing/2014/main" id="{1D30B434-F2CF-5E4A-9CDE-E04349BE98A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6114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sp>
        <p:nvSpPr>
          <p:cNvPr id="34" name="FLD_Event">
            <a:extLst>
              <a:ext uri="{FF2B5EF4-FFF2-40B4-BE49-F238E27FC236}">
                <a16:creationId xmlns:a16="http://schemas.microsoft.com/office/drawing/2014/main" id="{2B0C5876-F82E-C948-BD8E-55BA1969C0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6072564"/>
            <a:ext cx="2271840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LSMC</a:t>
            </a:r>
          </a:p>
        </p:txBody>
      </p:sp>
      <p:sp>
        <p:nvSpPr>
          <p:cNvPr id="35" name="USR_Name">
            <a:extLst>
              <a:ext uri="{FF2B5EF4-FFF2-40B4-BE49-F238E27FC236}">
                <a16:creationId xmlns:a16="http://schemas.microsoft.com/office/drawing/2014/main" id="{DFA0BDE1-4FA7-0341-9AF5-946869715C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6072564"/>
            <a:ext cx="2982416" cy="47691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900" b="0" cap="none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pic>
        <p:nvPicPr>
          <p:cNvPr id="38" name="SecondaryLogo_sort">
            <a:extLst>
              <a:ext uri="{FF2B5EF4-FFF2-40B4-BE49-F238E27FC236}">
                <a16:creationId xmlns:a16="http://schemas.microsoft.com/office/drawing/2014/main" id="{5ED8CE61-31A4-6F48-8D64-7C66056BF7AD}"/>
              </a:ext>
            </a:extLst>
          </p:cNvPr>
          <p:cNvPicPr>
            <a:picLocks noChangeAspect="1"/>
          </p:cNvPicPr>
          <p:nvPr userDrawn="1"/>
        </p:nvPicPr>
        <p:blipFill>
          <a:blip r:embed="rId24"/>
          <a:stretch>
            <a:fillRect/>
          </a:stretch>
        </p:blipFill>
        <p:spPr>
          <a:xfrm>
            <a:off x="10226148" y="6124216"/>
            <a:ext cx="1658237" cy="5580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png"/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4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Relationship Id="rId9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4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43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7.png"/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4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4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4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5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4" Type="http://schemas.openxmlformats.org/officeDocument/2006/relationships/image" Target="../media/image50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7" Type="http://schemas.openxmlformats.org/officeDocument/2006/relationships/image" Target="../media/image5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7" Type="http://schemas.openxmlformats.org/officeDocument/2006/relationships/image" Target="../media/image5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6" Type="http://schemas.openxmlformats.org/officeDocument/2006/relationships/image" Target="../media/image24.svg"/><Relationship Id="rId5" Type="http://schemas.openxmlformats.org/officeDocument/2006/relationships/image" Target="../media/image23.png"/><Relationship Id="rId4" Type="http://schemas.openxmlformats.org/officeDocument/2006/relationships/image" Target="../media/image39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4" Type="http://schemas.openxmlformats.org/officeDocument/2006/relationships/image" Target="../media/image52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0.png"/><Relationship Id="rId13" Type="http://schemas.openxmlformats.org/officeDocument/2006/relationships/image" Target="../media/image25.png"/><Relationship Id="rId18" Type="http://schemas.openxmlformats.org/officeDocument/2006/relationships/image" Target="../media/image58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21.xml"/><Relationship Id="rId21" Type="http://schemas.openxmlformats.org/officeDocument/2006/relationships/image" Target="../media/image61.png"/><Relationship Id="rId7" Type="http://schemas.openxmlformats.org/officeDocument/2006/relationships/image" Target="../media/image510.png"/><Relationship Id="rId12" Type="http://schemas.openxmlformats.org/officeDocument/2006/relationships/image" Target="../media/image56.png"/><Relationship Id="rId17" Type="http://schemas.openxmlformats.org/officeDocument/2006/relationships/image" Target="../media/image57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60.png"/><Relationship Id="rId1" Type="http://schemas.openxmlformats.org/officeDocument/2006/relationships/tags" Target="../tags/tag22.xml"/><Relationship Id="rId6" Type="http://schemas.openxmlformats.org/officeDocument/2006/relationships/image" Target="../media/image54.svg"/><Relationship Id="rId11" Type="http://schemas.openxmlformats.org/officeDocument/2006/relationships/image" Target="../media/image55.png"/><Relationship Id="rId24" Type="http://schemas.openxmlformats.org/officeDocument/2006/relationships/image" Target="../media/image64.png"/><Relationship Id="rId5" Type="http://schemas.openxmlformats.org/officeDocument/2006/relationships/image" Target="../media/image53.png"/><Relationship Id="rId15" Type="http://schemas.openxmlformats.org/officeDocument/2006/relationships/image" Target="../media/image29.png"/><Relationship Id="rId23" Type="http://schemas.openxmlformats.org/officeDocument/2006/relationships/image" Target="../media/image63.png"/><Relationship Id="rId10" Type="http://schemas.openxmlformats.org/officeDocument/2006/relationships/image" Target="../media/image54.png"/><Relationship Id="rId19" Type="http://schemas.openxmlformats.org/officeDocument/2006/relationships/image" Target="../media/image59.png"/><Relationship Id="rId4" Type="http://schemas.openxmlformats.org/officeDocument/2006/relationships/image" Target="../media/image480.png"/><Relationship Id="rId9" Type="http://schemas.openxmlformats.org/officeDocument/2006/relationships/image" Target="../media/image530.png"/><Relationship Id="rId14" Type="http://schemas.openxmlformats.org/officeDocument/2006/relationships/image" Target="../media/image26.svg"/><Relationship Id="rId22" Type="http://schemas.openxmlformats.org/officeDocument/2006/relationships/image" Target="../media/image62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0.png"/><Relationship Id="rId13" Type="http://schemas.openxmlformats.org/officeDocument/2006/relationships/image" Target="../media/image25.png"/><Relationship Id="rId18" Type="http://schemas.openxmlformats.org/officeDocument/2006/relationships/image" Target="../media/image69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22.xml"/><Relationship Id="rId21" Type="http://schemas.openxmlformats.org/officeDocument/2006/relationships/image" Target="../media/image72.png"/><Relationship Id="rId7" Type="http://schemas.openxmlformats.org/officeDocument/2006/relationships/image" Target="../media/image510.png"/><Relationship Id="rId12" Type="http://schemas.openxmlformats.org/officeDocument/2006/relationships/image" Target="../media/image56.png"/><Relationship Id="rId17" Type="http://schemas.openxmlformats.org/officeDocument/2006/relationships/image" Target="../media/image68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3.xml"/><Relationship Id="rId6" Type="http://schemas.openxmlformats.org/officeDocument/2006/relationships/image" Target="../media/image54.svg"/><Relationship Id="rId11" Type="http://schemas.openxmlformats.org/officeDocument/2006/relationships/image" Target="../media/image55.png"/><Relationship Id="rId24" Type="http://schemas.openxmlformats.org/officeDocument/2006/relationships/image" Target="../media/image75.png"/><Relationship Id="rId5" Type="http://schemas.openxmlformats.org/officeDocument/2006/relationships/image" Target="../media/image53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54.png"/><Relationship Id="rId19" Type="http://schemas.openxmlformats.org/officeDocument/2006/relationships/image" Target="../media/image70.png"/><Relationship Id="rId4" Type="http://schemas.openxmlformats.org/officeDocument/2006/relationships/image" Target="../media/image67.png"/><Relationship Id="rId9" Type="http://schemas.openxmlformats.org/officeDocument/2006/relationships/image" Target="../media/image530.png"/><Relationship Id="rId14" Type="http://schemas.openxmlformats.org/officeDocument/2006/relationships/image" Target="../media/image26.svg"/><Relationship Id="rId22" Type="http://schemas.openxmlformats.org/officeDocument/2006/relationships/image" Target="../media/image73.png"/><Relationship Id="rId27" Type="http://schemas.openxmlformats.org/officeDocument/2006/relationships/image" Target="../media/image76.pn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0.png"/><Relationship Id="rId13" Type="http://schemas.openxmlformats.org/officeDocument/2006/relationships/image" Target="../media/image25.png"/><Relationship Id="rId18" Type="http://schemas.openxmlformats.org/officeDocument/2006/relationships/image" Target="../media/image69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23.xml"/><Relationship Id="rId21" Type="http://schemas.openxmlformats.org/officeDocument/2006/relationships/image" Target="../media/image72.png"/><Relationship Id="rId7" Type="http://schemas.openxmlformats.org/officeDocument/2006/relationships/image" Target="../media/image510.png"/><Relationship Id="rId12" Type="http://schemas.openxmlformats.org/officeDocument/2006/relationships/image" Target="../media/image56.png"/><Relationship Id="rId17" Type="http://schemas.openxmlformats.org/officeDocument/2006/relationships/image" Target="../media/image68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4.xml"/><Relationship Id="rId6" Type="http://schemas.openxmlformats.org/officeDocument/2006/relationships/image" Target="../media/image54.svg"/><Relationship Id="rId11" Type="http://schemas.openxmlformats.org/officeDocument/2006/relationships/image" Target="../media/image55.png"/><Relationship Id="rId24" Type="http://schemas.openxmlformats.org/officeDocument/2006/relationships/image" Target="../media/image75.png"/><Relationship Id="rId5" Type="http://schemas.openxmlformats.org/officeDocument/2006/relationships/image" Target="../media/image53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54.png"/><Relationship Id="rId19" Type="http://schemas.openxmlformats.org/officeDocument/2006/relationships/image" Target="../media/image70.png"/><Relationship Id="rId4" Type="http://schemas.openxmlformats.org/officeDocument/2006/relationships/image" Target="../media/image67.png"/><Relationship Id="rId9" Type="http://schemas.openxmlformats.org/officeDocument/2006/relationships/image" Target="../media/image530.png"/><Relationship Id="rId14" Type="http://schemas.openxmlformats.org/officeDocument/2006/relationships/image" Target="../media/image26.svg"/><Relationship Id="rId22" Type="http://schemas.openxmlformats.org/officeDocument/2006/relationships/image" Target="../media/image73.png"/><Relationship Id="rId27" Type="http://schemas.openxmlformats.org/officeDocument/2006/relationships/image" Target="../media/image76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0.png"/><Relationship Id="rId13" Type="http://schemas.openxmlformats.org/officeDocument/2006/relationships/image" Target="../media/image25.png"/><Relationship Id="rId18" Type="http://schemas.openxmlformats.org/officeDocument/2006/relationships/image" Target="../media/image69.png"/><Relationship Id="rId26" Type="http://schemas.openxmlformats.org/officeDocument/2006/relationships/image" Target="../media/image66.png"/><Relationship Id="rId3" Type="http://schemas.openxmlformats.org/officeDocument/2006/relationships/notesSlide" Target="../notesSlides/notesSlide24.xml"/><Relationship Id="rId21" Type="http://schemas.openxmlformats.org/officeDocument/2006/relationships/image" Target="../media/image72.png"/><Relationship Id="rId7" Type="http://schemas.openxmlformats.org/officeDocument/2006/relationships/image" Target="../media/image510.png"/><Relationship Id="rId12" Type="http://schemas.openxmlformats.org/officeDocument/2006/relationships/image" Target="../media/image56.png"/><Relationship Id="rId17" Type="http://schemas.openxmlformats.org/officeDocument/2006/relationships/image" Target="../media/image68.png"/><Relationship Id="rId25" Type="http://schemas.openxmlformats.org/officeDocument/2006/relationships/image" Target="../media/image65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0.svg"/><Relationship Id="rId20" Type="http://schemas.openxmlformats.org/officeDocument/2006/relationships/image" Target="../media/image71.png"/><Relationship Id="rId1" Type="http://schemas.openxmlformats.org/officeDocument/2006/relationships/tags" Target="../tags/tag25.xml"/><Relationship Id="rId6" Type="http://schemas.openxmlformats.org/officeDocument/2006/relationships/image" Target="../media/image54.svg"/><Relationship Id="rId11" Type="http://schemas.openxmlformats.org/officeDocument/2006/relationships/image" Target="../media/image55.png"/><Relationship Id="rId24" Type="http://schemas.openxmlformats.org/officeDocument/2006/relationships/image" Target="../media/image75.png"/><Relationship Id="rId5" Type="http://schemas.openxmlformats.org/officeDocument/2006/relationships/image" Target="../media/image53.png"/><Relationship Id="rId15" Type="http://schemas.openxmlformats.org/officeDocument/2006/relationships/image" Target="../media/image29.png"/><Relationship Id="rId23" Type="http://schemas.openxmlformats.org/officeDocument/2006/relationships/image" Target="../media/image74.png"/><Relationship Id="rId10" Type="http://schemas.openxmlformats.org/officeDocument/2006/relationships/image" Target="../media/image54.png"/><Relationship Id="rId19" Type="http://schemas.openxmlformats.org/officeDocument/2006/relationships/image" Target="../media/image70.png"/><Relationship Id="rId4" Type="http://schemas.openxmlformats.org/officeDocument/2006/relationships/image" Target="../media/image67.png"/><Relationship Id="rId9" Type="http://schemas.openxmlformats.org/officeDocument/2006/relationships/image" Target="../media/image530.png"/><Relationship Id="rId14" Type="http://schemas.openxmlformats.org/officeDocument/2006/relationships/image" Target="../media/image26.svg"/><Relationship Id="rId22" Type="http://schemas.openxmlformats.org/officeDocument/2006/relationships/image" Target="../media/image73.png"/><Relationship Id="rId27" Type="http://schemas.openxmlformats.org/officeDocument/2006/relationships/image" Target="../media/image76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0.png"/><Relationship Id="rId13" Type="http://schemas.openxmlformats.org/officeDocument/2006/relationships/image" Target="../media/image650.png"/><Relationship Id="rId18" Type="http://schemas.openxmlformats.org/officeDocument/2006/relationships/image" Target="../media/image700.png"/><Relationship Id="rId3" Type="http://schemas.openxmlformats.org/officeDocument/2006/relationships/notesSlide" Target="../notesSlides/notesSlide25.xml"/><Relationship Id="rId12" Type="http://schemas.openxmlformats.org/officeDocument/2006/relationships/image" Target="../media/image640.png"/><Relationship Id="rId17" Type="http://schemas.openxmlformats.org/officeDocument/2006/relationships/image" Target="../media/image690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680.png"/><Relationship Id="rId20" Type="http://schemas.openxmlformats.org/officeDocument/2006/relationships/image" Target="../media/image78.png"/><Relationship Id="rId1" Type="http://schemas.openxmlformats.org/officeDocument/2006/relationships/tags" Target="../tags/tag26.xml"/><Relationship Id="rId6" Type="http://schemas.openxmlformats.org/officeDocument/2006/relationships/image" Target="../media/image24.svg"/><Relationship Id="rId11" Type="http://schemas.openxmlformats.org/officeDocument/2006/relationships/image" Target="../media/image630.png"/><Relationship Id="rId5" Type="http://schemas.openxmlformats.org/officeDocument/2006/relationships/image" Target="../media/image23.png"/><Relationship Id="rId15" Type="http://schemas.openxmlformats.org/officeDocument/2006/relationships/image" Target="../media/image670.png"/><Relationship Id="rId10" Type="http://schemas.openxmlformats.org/officeDocument/2006/relationships/image" Target="../media/image620.png"/><Relationship Id="rId19" Type="http://schemas.openxmlformats.org/officeDocument/2006/relationships/image" Target="../media/image710.png"/><Relationship Id="rId4" Type="http://schemas.openxmlformats.org/officeDocument/2006/relationships/image" Target="../media/image77.png"/><Relationship Id="rId9" Type="http://schemas.openxmlformats.org/officeDocument/2006/relationships/image" Target="../media/image610.png"/><Relationship Id="rId14" Type="http://schemas.openxmlformats.org/officeDocument/2006/relationships/image" Target="../media/image660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4" Type="http://schemas.openxmlformats.org/officeDocument/2006/relationships/image" Target="../media/image79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5" Type="http://schemas.openxmlformats.org/officeDocument/2006/relationships/image" Target="../media/image80.png"/><Relationship Id="rId4" Type="http://schemas.openxmlformats.org/officeDocument/2006/relationships/image" Target="../media/image79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5" Type="http://schemas.openxmlformats.org/officeDocument/2006/relationships/image" Target="../media/image81.png"/><Relationship Id="rId4" Type="http://schemas.openxmlformats.org/officeDocument/2006/relationships/image" Target="../media/image7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jpe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5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image" Target="../media/image84.png"/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29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/Relationships>
</file>

<file path=ppt/slides/_rels/slide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30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/Relationships>
</file>

<file path=ppt/slides/_rels/slide3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notesSlide" Target="../notesSlides/notesSlide31.xml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Relationship Id="rId6" Type="http://schemas.openxmlformats.org/officeDocument/2006/relationships/image" Target="../media/image87.jpeg"/><Relationship Id="rId5" Type="http://schemas.openxmlformats.org/officeDocument/2006/relationships/image" Target="../media/image86.png"/><Relationship Id="rId4" Type="http://schemas.openxmlformats.org/officeDocument/2006/relationships/image" Target="../media/image85.pn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14.sv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18.svg"/><Relationship Id="rId12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5" Type="http://schemas.openxmlformats.org/officeDocument/2006/relationships/image" Target="../media/image26.svg"/><Relationship Id="rId4" Type="http://schemas.openxmlformats.org/officeDocument/2006/relationships/image" Target="../media/image25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13" Type="http://schemas.openxmlformats.org/officeDocument/2006/relationships/image" Target="../media/image35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30.svg"/><Relationship Id="rId12" Type="http://schemas.openxmlformats.org/officeDocument/2006/relationships/image" Target="../media/image27.png"/><Relationship Id="rId17" Type="http://schemas.openxmlformats.org/officeDocument/2006/relationships/image" Target="../media/image38.png"/><Relationship Id="rId2" Type="http://schemas.openxmlformats.org/officeDocument/2006/relationships/slideLayout" Target="../slideLayouts/slideLayout5.xml"/><Relationship Id="rId16" Type="http://schemas.openxmlformats.org/officeDocument/2006/relationships/image" Target="../media/image370.png"/><Relationship Id="rId1" Type="http://schemas.openxmlformats.org/officeDocument/2006/relationships/tags" Target="../tags/tag8.xml"/><Relationship Id="rId6" Type="http://schemas.openxmlformats.org/officeDocument/2006/relationships/image" Target="../media/image29.png"/><Relationship Id="rId11" Type="http://schemas.openxmlformats.org/officeDocument/2006/relationships/image" Target="../media/image34.svg"/><Relationship Id="rId5" Type="http://schemas.openxmlformats.org/officeDocument/2006/relationships/image" Target="../media/image26.svg"/><Relationship Id="rId15" Type="http://schemas.openxmlformats.org/officeDocument/2006/relationships/image" Target="../media/image37.png"/><Relationship Id="rId10" Type="http://schemas.openxmlformats.org/officeDocument/2006/relationships/image" Target="../media/image33.png"/><Relationship Id="rId4" Type="http://schemas.openxmlformats.org/officeDocument/2006/relationships/image" Target="../media/image25.png"/><Relationship Id="rId9" Type="http://schemas.openxmlformats.org/officeDocument/2006/relationships/image" Target="../media/image32.svg"/><Relationship Id="rId14" Type="http://schemas.openxmlformats.org/officeDocument/2006/relationships/image" Target="../media/image3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39.png"/><Relationship Id="rId5" Type="http://schemas.openxmlformats.org/officeDocument/2006/relationships/image" Target="../media/image24.svg"/><Relationship Id="rId4" Type="http://schemas.openxmlformats.org/officeDocument/2006/relationships/image" Target="../media/image2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689FAD52-3D09-3F49-8F06-B4069B7D0A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9" y="1393410"/>
            <a:ext cx="10366747" cy="2243691"/>
          </a:xfrm>
        </p:spPr>
        <p:txBody>
          <a:bodyPr/>
          <a:lstStyle/>
          <a:p>
            <a:r>
              <a:rPr lang="en-GB" sz="5400" b="0" cap="none" dirty="0">
                <a:latin typeface="+mn-lt"/>
              </a:rPr>
              <a:t>ILSMC: a phylogenetically aware SMC to infer the evolutionary history of species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57F43709-6E20-8748-9BFF-3D5DA03005F6}"/>
              </a:ext>
            </a:extLst>
          </p:cNvPr>
          <p:cNvSpPr txBox="1">
            <a:spLocks/>
          </p:cNvSpPr>
          <p:nvPr/>
        </p:nvSpPr>
        <p:spPr bwMode="auto">
          <a:xfrm>
            <a:off x="984249" y="4509120"/>
            <a:ext cx="10220325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600" b="0" kern="0" cap="none" dirty="0">
                <a:latin typeface="+mn-lt"/>
              </a:rPr>
              <a:t>Iker Rivas-González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727731" y="3000655"/>
            <a:ext cx="2909479" cy="957553"/>
            <a:chOff x="2356160" y="3000655"/>
            <a:chExt cx="2909479" cy="957553"/>
          </a:xfrm>
        </p:grpSpPr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 rot="10800000">
              <a:off x="2703985" y="3043808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>
              <a:off x="4014154" y="3000655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3076" name="Picture 4">
            <a:extLst>
              <a:ext uri="{FF2B5EF4-FFF2-40B4-BE49-F238E27FC236}">
                <a16:creationId xmlns:a16="http://schemas.microsoft.com/office/drawing/2014/main" id="{67AF7840-BDEA-DBD0-52A4-9D8134C143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9916" y="2576489"/>
            <a:ext cx="1096399" cy="1644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8586687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1">
            <a:extLst>
              <a:ext uri="{FF2B5EF4-FFF2-40B4-BE49-F238E27FC236}">
                <a16:creationId xmlns:a16="http://schemas.microsoft.com/office/drawing/2014/main" id="{08FA2FE4-BBC0-7348-97EE-2B97C6375560}"/>
              </a:ext>
            </a:extLst>
          </p:cNvPr>
          <p:cNvSpPr/>
          <p:nvPr/>
        </p:nvSpPr>
        <p:spPr bwMode="auto">
          <a:xfrm>
            <a:off x="9911817" y="3224831"/>
            <a:ext cx="1116824" cy="2233648"/>
          </a:xfrm>
          <a:custGeom>
            <a:avLst/>
            <a:gdLst>
              <a:gd name="connsiteX0" fmla="*/ 558412 w 1116824"/>
              <a:gd name="connsiteY0" fmla="*/ 2233648 h 2233648"/>
              <a:gd name="connsiteX1" fmla="*/ 1116824 w 1116824"/>
              <a:gd name="connsiteY1" fmla="*/ 2233648 h 2233648"/>
              <a:gd name="connsiteX2" fmla="*/ 565392 w 1116824"/>
              <a:gd name="connsiteY2" fmla="*/ 0 h 2233648"/>
              <a:gd name="connsiteX3" fmla="*/ 0 w 1116824"/>
              <a:gd name="connsiteY3" fmla="*/ 0 h 2233648"/>
              <a:gd name="connsiteX4" fmla="*/ 558412 w 1116824"/>
              <a:gd name="connsiteY4" fmla="*/ 2233648 h 2233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16824" h="2233648">
                <a:moveTo>
                  <a:pt x="558412" y="2233648"/>
                </a:moveTo>
                <a:lnTo>
                  <a:pt x="1116824" y="2233648"/>
                </a:lnTo>
                <a:lnTo>
                  <a:pt x="565392" y="0"/>
                </a:lnTo>
                <a:lnTo>
                  <a:pt x="0" y="0"/>
                </a:lnTo>
                <a:lnTo>
                  <a:pt x="558412" y="2233648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Freeform 2">
            <a:extLst>
              <a:ext uri="{FF2B5EF4-FFF2-40B4-BE49-F238E27FC236}">
                <a16:creationId xmlns:a16="http://schemas.microsoft.com/office/drawing/2014/main" id="{E36654D2-6E80-944C-BC57-C9C7A9A35AC4}"/>
              </a:ext>
            </a:extLst>
          </p:cNvPr>
          <p:cNvSpPr/>
          <p:nvPr/>
        </p:nvSpPr>
        <p:spPr bwMode="auto">
          <a:xfrm>
            <a:off x="9343505" y="4350327"/>
            <a:ext cx="847899" cy="1108364"/>
          </a:xfrm>
          <a:custGeom>
            <a:avLst/>
            <a:gdLst>
              <a:gd name="connsiteX0" fmla="*/ 0 w 847899"/>
              <a:gd name="connsiteY0" fmla="*/ 0 h 1108364"/>
              <a:gd name="connsiteX1" fmla="*/ 282633 w 847899"/>
              <a:gd name="connsiteY1" fmla="*/ 1108364 h 1108364"/>
              <a:gd name="connsiteX2" fmla="*/ 847899 w 847899"/>
              <a:gd name="connsiteY2" fmla="*/ 1108364 h 1108364"/>
              <a:gd name="connsiteX3" fmla="*/ 565266 w 847899"/>
              <a:gd name="connsiteY3" fmla="*/ 0 h 1108364"/>
              <a:gd name="connsiteX4" fmla="*/ 0 w 847899"/>
              <a:gd name="connsiteY4" fmla="*/ 0 h 11083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47899" h="1108364">
                <a:moveTo>
                  <a:pt x="0" y="0"/>
                </a:moveTo>
                <a:lnTo>
                  <a:pt x="282633" y="1108364"/>
                </a:lnTo>
                <a:lnTo>
                  <a:pt x="847899" y="1108364"/>
                </a:lnTo>
                <a:lnTo>
                  <a:pt x="565266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DF92B8AC-4D0D-564A-9AE1-20FA5C3ACABC}"/>
              </a:ext>
            </a:extLst>
          </p:cNvPr>
          <p:cNvSpPr/>
          <p:nvPr/>
        </p:nvSpPr>
        <p:spPr bwMode="auto">
          <a:xfrm>
            <a:off x="8512139" y="4340831"/>
            <a:ext cx="837344" cy="1125021"/>
          </a:xfrm>
          <a:custGeom>
            <a:avLst/>
            <a:gdLst>
              <a:gd name="connsiteX0" fmla="*/ 0 w 837344"/>
              <a:gd name="connsiteY0" fmla="*/ 1119884 h 1125021"/>
              <a:gd name="connsiteX1" fmla="*/ 277403 w 837344"/>
              <a:gd name="connsiteY1" fmla="*/ 5138 h 1125021"/>
              <a:gd name="connsiteX2" fmla="*/ 837344 w 837344"/>
              <a:gd name="connsiteY2" fmla="*/ 0 h 1125021"/>
              <a:gd name="connsiteX3" fmla="*/ 554805 w 837344"/>
              <a:gd name="connsiteY3" fmla="*/ 1125021 h 1125021"/>
              <a:gd name="connsiteX4" fmla="*/ 0 w 837344"/>
              <a:gd name="connsiteY4" fmla="*/ 1119884 h 1125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37344" h="1125021">
                <a:moveTo>
                  <a:pt x="0" y="1119884"/>
                </a:moveTo>
                <a:lnTo>
                  <a:pt x="277403" y="5138"/>
                </a:lnTo>
                <a:lnTo>
                  <a:pt x="837344" y="0"/>
                </a:lnTo>
                <a:lnTo>
                  <a:pt x="554805" y="1125021"/>
                </a:lnTo>
                <a:lnTo>
                  <a:pt x="0" y="1119884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4ED211AB-2911-7244-9307-4DF02DF3E1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3A44843-173B-E347-92E4-9B7D8252FB24}"/>
              </a:ext>
            </a:extLst>
          </p:cNvPr>
          <p:cNvGrpSpPr/>
          <p:nvPr/>
        </p:nvGrpSpPr>
        <p:grpSpPr>
          <a:xfrm>
            <a:off x="727731" y="3000655"/>
            <a:ext cx="2909479" cy="957553"/>
            <a:chOff x="2356160" y="3000655"/>
            <a:chExt cx="2909479" cy="957553"/>
          </a:xfrm>
        </p:grpSpPr>
        <p:sp>
          <p:nvSpPr>
            <p:cNvPr id="8" name="Arc 7">
              <a:extLst>
                <a:ext uri="{FF2B5EF4-FFF2-40B4-BE49-F238E27FC236}">
                  <a16:creationId xmlns:a16="http://schemas.microsoft.com/office/drawing/2014/main" id="{E9E69C93-203F-FB44-B350-46F09D4B449F}"/>
                </a:ext>
              </a:extLst>
            </p:cNvPr>
            <p:cNvSpPr/>
            <p:nvPr/>
          </p:nvSpPr>
          <p:spPr bwMode="auto">
            <a:xfrm rot="10800000">
              <a:off x="2703985" y="3043808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0433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Arc 8">
              <a:extLst>
                <a:ext uri="{FF2B5EF4-FFF2-40B4-BE49-F238E27FC236}">
                  <a16:creationId xmlns:a16="http://schemas.microsoft.com/office/drawing/2014/main" id="{05C49738-2728-2648-86BA-52BD6589C3EA}"/>
                </a:ext>
              </a:extLst>
            </p:cNvPr>
            <p:cNvSpPr/>
            <p:nvPr/>
          </p:nvSpPr>
          <p:spPr bwMode="auto">
            <a:xfrm>
              <a:off x="4014154" y="3000655"/>
              <a:ext cx="914400" cy="914400"/>
            </a:xfrm>
            <a:prstGeom prst="arc">
              <a:avLst>
                <a:gd name="adj1" fmla="val 16200000"/>
                <a:gd name="adj2" fmla="val 5390083"/>
              </a:avLst>
            </a:prstGeom>
            <a:noFill/>
            <a:ln w="57150" cap="flat" cmpd="sng" algn="ctr">
              <a:solidFill>
                <a:srgbClr val="FF2400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non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3D81A2CF-8A00-8B4E-A51B-018E3F406724}"/>
                </a:ext>
              </a:extLst>
            </p:cNvPr>
            <p:cNvSpPr txBox="1"/>
            <p:nvPr/>
          </p:nvSpPr>
          <p:spPr>
            <a:xfrm>
              <a:off x="5026791" y="3340899"/>
              <a:ext cx="23884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A0A24F9-A52D-0D4A-96C9-9FE27FC15383}"/>
                </a:ext>
              </a:extLst>
            </p:cNvPr>
            <p:cNvSpPr txBox="1"/>
            <p:nvPr/>
          </p:nvSpPr>
          <p:spPr>
            <a:xfrm>
              <a:off x="2356160" y="3340899"/>
              <a:ext cx="267702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1C</a:t>
              </a:r>
            </a:p>
          </p:txBody>
        </p:sp>
      </p:grpSp>
      <p:pic>
        <p:nvPicPr>
          <p:cNvPr id="12" name="Picture 2">
            <a:extLst>
              <a:ext uri="{FF2B5EF4-FFF2-40B4-BE49-F238E27FC236}">
                <a16:creationId xmlns:a16="http://schemas.microsoft.com/office/drawing/2014/main" id="{35E5A0BF-CEC5-A942-8E3C-32E1960F76A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54FF53C7-3401-D747-B785-3746210A56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1C8C3651-5514-E943-B66C-365BEB0DDCC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226FDEE3-08AF-FD45-AA4E-D5D860A176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3074" name="Picture 2">
            <a:extLst>
              <a:ext uri="{FF2B5EF4-FFF2-40B4-BE49-F238E27FC236}">
                <a16:creationId xmlns:a16="http://schemas.microsoft.com/office/drawing/2014/main" id="{09B83540-2FFD-9F5D-8C94-B509791F659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378" b="21678"/>
          <a:stretch/>
        </p:blipFill>
        <p:spPr bwMode="auto">
          <a:xfrm>
            <a:off x="4443641" y="3726307"/>
            <a:ext cx="2989454" cy="17321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>
            <a:extLst>
              <a:ext uri="{FF2B5EF4-FFF2-40B4-BE49-F238E27FC236}">
                <a16:creationId xmlns:a16="http://schemas.microsoft.com/office/drawing/2014/main" id="{67AF7840-BDEA-DBD0-52A4-9D8134C143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9916" y="2576489"/>
            <a:ext cx="1096399" cy="1644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39000E65-D84B-A40D-F3AE-F91A8D33AE61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4596167" y="2111537"/>
            <a:ext cx="2570711" cy="96140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3659727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A095754-DB6C-6840-B786-BF1431783CEE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8DA11035-EDF6-D548-AE65-D2798B4C9EE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8B318A97-3A42-A841-959E-64B2203FBA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8E4B6D0A-CC68-DC40-84B6-16CAEF3026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2FC49797-4E80-1E48-81C1-A72019CAE70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2057524"/>
            <a:ext cx="5080000" cy="317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22167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2057524"/>
            <a:ext cx="5080000" cy="317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A43C54E-525E-38C7-BE0E-419B0666AB1B}"/>
              </a:ext>
            </a:extLst>
          </p:cNvPr>
          <p:cNvSpPr txBox="1"/>
          <p:nvPr/>
        </p:nvSpPr>
        <p:spPr>
          <a:xfrm>
            <a:off x="8542684" y="3090291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3D6BFE3-6C71-BA0C-DDB9-74E4A19D9977}"/>
              </a:ext>
            </a:extLst>
          </p:cNvPr>
          <p:cNvSpPr txBox="1"/>
          <p:nvPr/>
        </p:nvSpPr>
        <p:spPr>
          <a:xfrm>
            <a:off x="8542684" y="3312045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6476B925-CE55-20D9-B369-50CFE0F084FA}"/>
              </a:ext>
            </a:extLst>
          </p:cNvPr>
          <p:cNvSpPr/>
          <p:nvPr/>
        </p:nvSpPr>
        <p:spPr bwMode="auto">
          <a:xfrm>
            <a:off x="8527444" y="2904773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8CC9A14-12F0-01BB-B9E5-AC6E2D0CDD37}"/>
              </a:ext>
            </a:extLst>
          </p:cNvPr>
          <p:cNvSpPr/>
          <p:nvPr/>
        </p:nvSpPr>
        <p:spPr bwMode="auto">
          <a:xfrm>
            <a:off x="9447706" y="2904773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DA297CC1-7E88-2FA9-C460-085A3B211984}"/>
              </a:ext>
            </a:extLst>
          </p:cNvPr>
          <p:cNvSpPr/>
          <p:nvPr/>
        </p:nvSpPr>
        <p:spPr bwMode="auto">
          <a:xfrm>
            <a:off x="10352729" y="2907436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0CB6E8A-5CBA-4452-7261-4EAD2C3A7C4E}"/>
              </a:ext>
            </a:extLst>
          </p:cNvPr>
          <p:cNvSpPr txBox="1"/>
          <p:nvPr/>
        </p:nvSpPr>
        <p:spPr>
          <a:xfrm>
            <a:off x="8946640" y="1938451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4E8A2085-57B5-FCC9-6411-04CD3358C1A5}"/>
              </a:ext>
            </a:extLst>
          </p:cNvPr>
          <p:cNvSpPr/>
          <p:nvPr/>
        </p:nvSpPr>
        <p:spPr bwMode="auto">
          <a:xfrm>
            <a:off x="8946640" y="1703738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2FF3E4E2-E940-9E72-3DB0-6FE3A9295644}"/>
              </a:ext>
            </a:extLst>
          </p:cNvPr>
          <p:cNvSpPr/>
          <p:nvPr/>
        </p:nvSpPr>
        <p:spPr bwMode="auto">
          <a:xfrm>
            <a:off x="9412482" y="5007263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C8DE5CF-76F6-B07A-19D4-FF8FC63102A1}"/>
              </a:ext>
            </a:extLst>
          </p:cNvPr>
          <p:cNvSpPr txBox="1"/>
          <p:nvPr/>
        </p:nvSpPr>
        <p:spPr>
          <a:xfrm>
            <a:off x="9008088" y="2189908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8E56ABA-52F3-A8A7-7F65-185ECCBEA05B}"/>
              </a:ext>
            </a:extLst>
          </p:cNvPr>
          <p:cNvSpPr txBox="1"/>
          <p:nvPr/>
        </p:nvSpPr>
        <p:spPr>
          <a:xfrm>
            <a:off x="9391072" y="5233158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B54C92BB-4A5F-2808-89A4-91F59215443F}"/>
              </a:ext>
            </a:extLst>
          </p:cNvPr>
          <p:cNvSpPr/>
          <p:nvPr/>
        </p:nvSpPr>
        <p:spPr bwMode="auto">
          <a:xfrm>
            <a:off x="9866806" y="1705992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ACA3883-00E2-BE86-4F25-210D64E3CA8B}"/>
              </a:ext>
            </a:extLst>
          </p:cNvPr>
          <p:cNvSpPr txBox="1"/>
          <p:nvPr/>
        </p:nvSpPr>
        <p:spPr>
          <a:xfrm>
            <a:off x="9452520" y="5451533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0EF1E4A1-CFC0-AD40-FB1D-70AF4334A4AE}"/>
              </a:ext>
            </a:extLst>
          </p:cNvPr>
          <p:cNvCxnSpPr/>
          <p:nvPr/>
        </p:nvCxnSpPr>
        <p:spPr bwMode="auto">
          <a:xfrm flipV="1">
            <a:off x="8671460" y="2442219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A397880C-BC28-7B3D-A611-61BA7EAA6B10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174106" y="2442219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57456E69-0072-3C8A-4AAA-64BB13DB9250}"/>
              </a:ext>
            </a:extLst>
          </p:cNvPr>
          <p:cNvCxnSpPr/>
          <p:nvPr/>
        </p:nvCxnSpPr>
        <p:spPr bwMode="auto">
          <a:xfrm flipV="1">
            <a:off x="9619479" y="2450666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D9CD1D63-A2CD-A9CC-2C72-505A8D52449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22125" y="2450666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36B17903-B177-0271-99B9-9BAECCEF5703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5955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B62A6019-9D70-CD50-2599-CA0E41272D76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6332" y="3545955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24A6B465-FB76-69BB-2947-3B99509752ED}"/>
              </a:ext>
            </a:extLst>
          </p:cNvPr>
          <p:cNvSpPr/>
          <p:nvPr/>
        </p:nvSpPr>
        <p:spPr bwMode="auto">
          <a:xfrm>
            <a:off x="9416323" y="3934613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9D9ED3B-FA2B-5D30-42EC-16DA9EACDFAF}"/>
              </a:ext>
            </a:extLst>
          </p:cNvPr>
          <p:cNvSpPr txBox="1"/>
          <p:nvPr/>
        </p:nvSpPr>
        <p:spPr>
          <a:xfrm>
            <a:off x="9343085" y="4161511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26CC679-F6D0-D651-DA68-77356D34DD52}"/>
              </a:ext>
            </a:extLst>
          </p:cNvPr>
          <p:cNvSpPr txBox="1"/>
          <p:nvPr/>
        </p:nvSpPr>
        <p:spPr>
          <a:xfrm>
            <a:off x="9466793" y="4375192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7B2D31D-472D-8F7E-9335-97BCE365F5AF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9251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52A973E-8A44-4E5F-0B07-A05AA63B15FF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7849" y="3551685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B7348F8-29B5-7179-2AFD-0BAFE11DFA77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519715" y="3545955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Freeform 32">
            <a:extLst>
              <a:ext uri="{FF2B5EF4-FFF2-40B4-BE49-F238E27FC236}">
                <a16:creationId xmlns:a16="http://schemas.microsoft.com/office/drawing/2014/main" id="{5E5CC716-84B5-DE3F-4530-58AADEF89F61}"/>
              </a:ext>
            </a:extLst>
          </p:cNvPr>
          <p:cNvSpPr/>
          <p:nvPr/>
        </p:nvSpPr>
        <p:spPr bwMode="auto">
          <a:xfrm>
            <a:off x="8546598" y="1413164"/>
            <a:ext cx="2634020" cy="4364181"/>
          </a:xfrm>
          <a:custGeom>
            <a:avLst/>
            <a:gdLst>
              <a:gd name="connsiteX0" fmla="*/ 1428675 w 2634020"/>
              <a:gd name="connsiteY0" fmla="*/ 166254 h 4364181"/>
              <a:gd name="connsiteX1" fmla="*/ 1324766 w 2634020"/>
              <a:gd name="connsiteY1" fmla="*/ 197427 h 4364181"/>
              <a:gd name="connsiteX2" fmla="*/ 1241638 w 2634020"/>
              <a:gd name="connsiteY2" fmla="*/ 259772 h 4364181"/>
              <a:gd name="connsiteX3" fmla="*/ 1210466 w 2634020"/>
              <a:gd name="connsiteY3" fmla="*/ 280554 h 4364181"/>
              <a:gd name="connsiteX4" fmla="*/ 1168902 w 2634020"/>
              <a:gd name="connsiteY4" fmla="*/ 342900 h 4364181"/>
              <a:gd name="connsiteX5" fmla="*/ 1116947 w 2634020"/>
              <a:gd name="connsiteY5" fmla="*/ 426027 h 4364181"/>
              <a:gd name="connsiteX6" fmla="*/ 1085775 w 2634020"/>
              <a:gd name="connsiteY6" fmla="*/ 509154 h 4364181"/>
              <a:gd name="connsiteX7" fmla="*/ 1054602 w 2634020"/>
              <a:gd name="connsiteY7" fmla="*/ 623454 h 4364181"/>
              <a:gd name="connsiteX8" fmla="*/ 1044211 w 2634020"/>
              <a:gd name="connsiteY8" fmla="*/ 727363 h 4364181"/>
              <a:gd name="connsiteX9" fmla="*/ 1033820 w 2634020"/>
              <a:gd name="connsiteY9" fmla="*/ 987136 h 4364181"/>
              <a:gd name="connsiteX10" fmla="*/ 1023429 w 2634020"/>
              <a:gd name="connsiteY10" fmla="*/ 1070263 h 4364181"/>
              <a:gd name="connsiteX11" fmla="*/ 1002647 w 2634020"/>
              <a:gd name="connsiteY11" fmla="*/ 1174172 h 4364181"/>
              <a:gd name="connsiteX12" fmla="*/ 1013038 w 2634020"/>
              <a:gd name="connsiteY12" fmla="*/ 1423554 h 4364181"/>
              <a:gd name="connsiteX13" fmla="*/ 1023429 w 2634020"/>
              <a:gd name="connsiteY13" fmla="*/ 1454727 h 4364181"/>
              <a:gd name="connsiteX14" fmla="*/ 1054602 w 2634020"/>
              <a:gd name="connsiteY14" fmla="*/ 1496291 h 4364181"/>
              <a:gd name="connsiteX15" fmla="*/ 1137729 w 2634020"/>
              <a:gd name="connsiteY15" fmla="*/ 1579418 h 4364181"/>
              <a:gd name="connsiteX16" fmla="*/ 1168902 w 2634020"/>
              <a:gd name="connsiteY16" fmla="*/ 1610591 h 4364181"/>
              <a:gd name="connsiteX17" fmla="*/ 1200075 w 2634020"/>
              <a:gd name="connsiteY17" fmla="*/ 1652154 h 4364181"/>
              <a:gd name="connsiteX18" fmla="*/ 1231247 w 2634020"/>
              <a:gd name="connsiteY18" fmla="*/ 1704109 h 4364181"/>
              <a:gd name="connsiteX19" fmla="*/ 1293593 w 2634020"/>
              <a:gd name="connsiteY19" fmla="*/ 1808018 h 4364181"/>
              <a:gd name="connsiteX20" fmla="*/ 1303984 w 2634020"/>
              <a:gd name="connsiteY20" fmla="*/ 1839191 h 4364181"/>
              <a:gd name="connsiteX21" fmla="*/ 1314375 w 2634020"/>
              <a:gd name="connsiteY21" fmla="*/ 1880754 h 4364181"/>
              <a:gd name="connsiteX22" fmla="*/ 1335157 w 2634020"/>
              <a:gd name="connsiteY22" fmla="*/ 1911927 h 4364181"/>
              <a:gd name="connsiteX23" fmla="*/ 1345547 w 2634020"/>
              <a:gd name="connsiteY23" fmla="*/ 1974272 h 4364181"/>
              <a:gd name="connsiteX24" fmla="*/ 1355938 w 2634020"/>
              <a:gd name="connsiteY24" fmla="*/ 2015836 h 4364181"/>
              <a:gd name="connsiteX25" fmla="*/ 1314375 w 2634020"/>
              <a:gd name="connsiteY25" fmla="*/ 2119745 h 4364181"/>
              <a:gd name="connsiteX26" fmla="*/ 1231247 w 2634020"/>
              <a:gd name="connsiteY26" fmla="*/ 2150918 h 4364181"/>
              <a:gd name="connsiteX27" fmla="*/ 1116947 w 2634020"/>
              <a:gd name="connsiteY27" fmla="*/ 2140527 h 4364181"/>
              <a:gd name="connsiteX28" fmla="*/ 1054602 w 2634020"/>
              <a:gd name="connsiteY28" fmla="*/ 2119745 h 4364181"/>
              <a:gd name="connsiteX29" fmla="*/ 961084 w 2634020"/>
              <a:gd name="connsiteY29" fmla="*/ 2140527 h 4364181"/>
              <a:gd name="connsiteX30" fmla="*/ 888347 w 2634020"/>
              <a:gd name="connsiteY30" fmla="*/ 2161309 h 4364181"/>
              <a:gd name="connsiteX31" fmla="*/ 566229 w 2634020"/>
              <a:gd name="connsiteY31" fmla="*/ 2182091 h 4364181"/>
              <a:gd name="connsiteX32" fmla="*/ 192157 w 2634020"/>
              <a:gd name="connsiteY32" fmla="*/ 2171700 h 4364181"/>
              <a:gd name="connsiteX33" fmla="*/ 129811 w 2634020"/>
              <a:gd name="connsiteY33" fmla="*/ 2150918 h 4364181"/>
              <a:gd name="connsiteX34" fmla="*/ 98638 w 2634020"/>
              <a:gd name="connsiteY34" fmla="*/ 2140527 h 4364181"/>
              <a:gd name="connsiteX35" fmla="*/ 67466 w 2634020"/>
              <a:gd name="connsiteY35" fmla="*/ 2130136 h 4364181"/>
              <a:gd name="connsiteX36" fmla="*/ 5120 w 2634020"/>
              <a:gd name="connsiteY36" fmla="*/ 2140527 h 4364181"/>
              <a:gd name="connsiteX37" fmla="*/ 25902 w 2634020"/>
              <a:gd name="connsiteY37" fmla="*/ 2296391 h 4364181"/>
              <a:gd name="connsiteX38" fmla="*/ 36293 w 2634020"/>
              <a:gd name="connsiteY38" fmla="*/ 2358736 h 4364181"/>
              <a:gd name="connsiteX39" fmla="*/ 57075 w 2634020"/>
              <a:gd name="connsiteY39" fmla="*/ 2421081 h 4364181"/>
              <a:gd name="connsiteX40" fmla="*/ 67466 w 2634020"/>
              <a:gd name="connsiteY40" fmla="*/ 2452254 h 4364181"/>
              <a:gd name="connsiteX41" fmla="*/ 109029 w 2634020"/>
              <a:gd name="connsiteY41" fmla="*/ 2524991 h 4364181"/>
              <a:gd name="connsiteX42" fmla="*/ 129811 w 2634020"/>
              <a:gd name="connsiteY42" fmla="*/ 2576945 h 4364181"/>
              <a:gd name="connsiteX43" fmla="*/ 171375 w 2634020"/>
              <a:gd name="connsiteY43" fmla="*/ 2639291 h 4364181"/>
              <a:gd name="connsiteX44" fmla="*/ 202547 w 2634020"/>
              <a:gd name="connsiteY44" fmla="*/ 2722418 h 4364181"/>
              <a:gd name="connsiteX45" fmla="*/ 244111 w 2634020"/>
              <a:gd name="connsiteY45" fmla="*/ 2805545 h 4364181"/>
              <a:gd name="connsiteX46" fmla="*/ 296066 w 2634020"/>
              <a:gd name="connsiteY46" fmla="*/ 2930236 h 4364181"/>
              <a:gd name="connsiteX47" fmla="*/ 337629 w 2634020"/>
              <a:gd name="connsiteY47" fmla="*/ 3034145 h 4364181"/>
              <a:gd name="connsiteX48" fmla="*/ 348020 w 2634020"/>
              <a:gd name="connsiteY48" fmla="*/ 3491345 h 4364181"/>
              <a:gd name="connsiteX49" fmla="*/ 368802 w 2634020"/>
              <a:gd name="connsiteY49" fmla="*/ 3564081 h 4364181"/>
              <a:gd name="connsiteX50" fmla="*/ 399975 w 2634020"/>
              <a:gd name="connsiteY50" fmla="*/ 3678381 h 4364181"/>
              <a:gd name="connsiteX51" fmla="*/ 420757 w 2634020"/>
              <a:gd name="connsiteY51" fmla="*/ 3761509 h 4364181"/>
              <a:gd name="connsiteX52" fmla="*/ 431147 w 2634020"/>
              <a:gd name="connsiteY52" fmla="*/ 3803072 h 4364181"/>
              <a:gd name="connsiteX53" fmla="*/ 451929 w 2634020"/>
              <a:gd name="connsiteY53" fmla="*/ 3865418 h 4364181"/>
              <a:gd name="connsiteX54" fmla="*/ 462320 w 2634020"/>
              <a:gd name="connsiteY54" fmla="*/ 3906981 h 4364181"/>
              <a:gd name="connsiteX55" fmla="*/ 514275 w 2634020"/>
              <a:gd name="connsiteY55" fmla="*/ 3990109 h 4364181"/>
              <a:gd name="connsiteX56" fmla="*/ 566229 w 2634020"/>
              <a:gd name="connsiteY56" fmla="*/ 4052454 h 4364181"/>
              <a:gd name="connsiteX57" fmla="*/ 607793 w 2634020"/>
              <a:gd name="connsiteY57" fmla="*/ 4114800 h 4364181"/>
              <a:gd name="connsiteX58" fmla="*/ 618184 w 2634020"/>
              <a:gd name="connsiteY58" fmla="*/ 4145972 h 4364181"/>
              <a:gd name="connsiteX59" fmla="*/ 701311 w 2634020"/>
              <a:gd name="connsiteY59" fmla="*/ 4187536 h 4364181"/>
              <a:gd name="connsiteX60" fmla="*/ 784438 w 2634020"/>
              <a:gd name="connsiteY60" fmla="*/ 4281054 h 4364181"/>
              <a:gd name="connsiteX61" fmla="*/ 826002 w 2634020"/>
              <a:gd name="connsiteY61" fmla="*/ 4312227 h 4364181"/>
              <a:gd name="connsiteX62" fmla="*/ 898738 w 2634020"/>
              <a:gd name="connsiteY62" fmla="*/ 4353791 h 4364181"/>
              <a:gd name="connsiteX63" fmla="*/ 929911 w 2634020"/>
              <a:gd name="connsiteY63" fmla="*/ 4364181 h 4364181"/>
              <a:gd name="connsiteX64" fmla="*/ 1168902 w 2634020"/>
              <a:gd name="connsiteY64" fmla="*/ 4353791 h 4364181"/>
              <a:gd name="connsiteX65" fmla="*/ 1200075 w 2634020"/>
              <a:gd name="connsiteY65" fmla="*/ 4343400 h 4364181"/>
              <a:gd name="connsiteX66" fmla="*/ 1231247 w 2634020"/>
              <a:gd name="connsiteY66" fmla="*/ 4322618 h 4364181"/>
              <a:gd name="connsiteX67" fmla="*/ 1335157 w 2634020"/>
              <a:gd name="connsiteY67" fmla="*/ 4229100 h 4364181"/>
              <a:gd name="connsiteX68" fmla="*/ 1376720 w 2634020"/>
              <a:gd name="connsiteY68" fmla="*/ 4197927 h 4364181"/>
              <a:gd name="connsiteX69" fmla="*/ 1418284 w 2634020"/>
              <a:gd name="connsiteY69" fmla="*/ 4156363 h 4364181"/>
              <a:gd name="connsiteX70" fmla="*/ 1501411 w 2634020"/>
              <a:gd name="connsiteY70" fmla="*/ 4094018 h 4364181"/>
              <a:gd name="connsiteX71" fmla="*/ 1553366 w 2634020"/>
              <a:gd name="connsiteY71" fmla="*/ 4052454 h 4364181"/>
              <a:gd name="connsiteX72" fmla="*/ 1594929 w 2634020"/>
              <a:gd name="connsiteY72" fmla="*/ 4000500 h 4364181"/>
              <a:gd name="connsiteX73" fmla="*/ 1636493 w 2634020"/>
              <a:gd name="connsiteY73" fmla="*/ 3958936 h 4364181"/>
              <a:gd name="connsiteX74" fmla="*/ 1657275 w 2634020"/>
              <a:gd name="connsiteY74" fmla="*/ 3927763 h 4364181"/>
              <a:gd name="connsiteX75" fmla="*/ 1730011 w 2634020"/>
              <a:gd name="connsiteY75" fmla="*/ 3855027 h 4364181"/>
              <a:gd name="connsiteX76" fmla="*/ 1761184 w 2634020"/>
              <a:gd name="connsiteY76" fmla="*/ 3792681 h 4364181"/>
              <a:gd name="connsiteX77" fmla="*/ 1771575 w 2634020"/>
              <a:gd name="connsiteY77" fmla="*/ 3740727 h 4364181"/>
              <a:gd name="connsiteX78" fmla="*/ 1792357 w 2634020"/>
              <a:gd name="connsiteY78" fmla="*/ 3709554 h 4364181"/>
              <a:gd name="connsiteX79" fmla="*/ 1823529 w 2634020"/>
              <a:gd name="connsiteY79" fmla="*/ 3647209 h 4364181"/>
              <a:gd name="connsiteX80" fmla="*/ 1833920 w 2634020"/>
              <a:gd name="connsiteY80" fmla="*/ 3605645 h 4364181"/>
              <a:gd name="connsiteX81" fmla="*/ 1854702 w 2634020"/>
              <a:gd name="connsiteY81" fmla="*/ 3553691 h 4364181"/>
              <a:gd name="connsiteX82" fmla="*/ 1875484 w 2634020"/>
              <a:gd name="connsiteY82" fmla="*/ 3470563 h 4364181"/>
              <a:gd name="connsiteX83" fmla="*/ 1885875 w 2634020"/>
              <a:gd name="connsiteY83" fmla="*/ 3429000 h 4364181"/>
              <a:gd name="connsiteX84" fmla="*/ 1927438 w 2634020"/>
              <a:gd name="connsiteY84" fmla="*/ 3314700 h 4364181"/>
              <a:gd name="connsiteX85" fmla="*/ 1979393 w 2634020"/>
              <a:gd name="connsiteY85" fmla="*/ 3179618 h 4364181"/>
              <a:gd name="connsiteX86" fmla="*/ 2020957 w 2634020"/>
              <a:gd name="connsiteY86" fmla="*/ 3075709 h 4364181"/>
              <a:gd name="connsiteX87" fmla="*/ 2072911 w 2634020"/>
              <a:gd name="connsiteY87" fmla="*/ 2982191 h 4364181"/>
              <a:gd name="connsiteX88" fmla="*/ 2135257 w 2634020"/>
              <a:gd name="connsiteY88" fmla="*/ 2878281 h 4364181"/>
              <a:gd name="connsiteX89" fmla="*/ 2156038 w 2634020"/>
              <a:gd name="connsiteY89" fmla="*/ 2815936 h 4364181"/>
              <a:gd name="connsiteX90" fmla="*/ 2187211 w 2634020"/>
              <a:gd name="connsiteY90" fmla="*/ 2763981 h 4364181"/>
              <a:gd name="connsiteX91" fmla="*/ 2207993 w 2634020"/>
              <a:gd name="connsiteY91" fmla="*/ 2712027 h 4364181"/>
              <a:gd name="connsiteX92" fmla="*/ 2239166 w 2634020"/>
              <a:gd name="connsiteY92" fmla="*/ 2649681 h 4364181"/>
              <a:gd name="connsiteX93" fmla="*/ 2259947 w 2634020"/>
              <a:gd name="connsiteY93" fmla="*/ 2576945 h 4364181"/>
              <a:gd name="connsiteX94" fmla="*/ 2291120 w 2634020"/>
              <a:gd name="connsiteY94" fmla="*/ 2483427 h 4364181"/>
              <a:gd name="connsiteX95" fmla="*/ 2353466 w 2634020"/>
              <a:gd name="connsiteY95" fmla="*/ 2275609 h 4364181"/>
              <a:gd name="connsiteX96" fmla="*/ 2384638 w 2634020"/>
              <a:gd name="connsiteY96" fmla="*/ 2171700 h 4364181"/>
              <a:gd name="connsiteX97" fmla="*/ 2446984 w 2634020"/>
              <a:gd name="connsiteY97" fmla="*/ 1984663 h 4364181"/>
              <a:gd name="connsiteX98" fmla="*/ 2467766 w 2634020"/>
              <a:gd name="connsiteY98" fmla="*/ 1901536 h 4364181"/>
              <a:gd name="connsiteX99" fmla="*/ 2509329 w 2634020"/>
              <a:gd name="connsiteY99" fmla="*/ 1787236 h 4364181"/>
              <a:gd name="connsiteX100" fmla="*/ 2530111 w 2634020"/>
              <a:gd name="connsiteY100" fmla="*/ 1714500 h 4364181"/>
              <a:gd name="connsiteX101" fmla="*/ 2571675 w 2634020"/>
              <a:gd name="connsiteY101" fmla="*/ 1589809 h 4364181"/>
              <a:gd name="connsiteX102" fmla="*/ 2613238 w 2634020"/>
              <a:gd name="connsiteY102" fmla="*/ 1485900 h 4364181"/>
              <a:gd name="connsiteX103" fmla="*/ 2634020 w 2634020"/>
              <a:gd name="connsiteY103" fmla="*/ 1423554 h 4364181"/>
              <a:gd name="connsiteX104" fmla="*/ 2498938 w 2634020"/>
              <a:gd name="connsiteY104" fmla="*/ 1163781 h 4364181"/>
              <a:gd name="connsiteX105" fmla="*/ 2301511 w 2634020"/>
              <a:gd name="connsiteY105" fmla="*/ 665018 h 4364181"/>
              <a:gd name="connsiteX106" fmla="*/ 2249557 w 2634020"/>
              <a:gd name="connsiteY106" fmla="*/ 529936 h 4364181"/>
              <a:gd name="connsiteX107" fmla="*/ 2187211 w 2634020"/>
              <a:gd name="connsiteY107" fmla="*/ 280554 h 4364181"/>
              <a:gd name="connsiteX108" fmla="*/ 2135257 w 2634020"/>
              <a:gd name="connsiteY108" fmla="*/ 124691 h 4364181"/>
              <a:gd name="connsiteX109" fmla="*/ 2104084 w 2634020"/>
              <a:gd name="connsiteY109" fmla="*/ 31172 h 4364181"/>
              <a:gd name="connsiteX110" fmla="*/ 2093693 w 2634020"/>
              <a:gd name="connsiteY110" fmla="*/ 0 h 4364181"/>
              <a:gd name="connsiteX111" fmla="*/ 2020957 w 2634020"/>
              <a:gd name="connsiteY111" fmla="*/ 20781 h 4364181"/>
              <a:gd name="connsiteX112" fmla="*/ 1989784 w 2634020"/>
              <a:gd name="connsiteY112" fmla="*/ 31172 h 4364181"/>
              <a:gd name="connsiteX113" fmla="*/ 1885875 w 2634020"/>
              <a:gd name="connsiteY113" fmla="*/ 93518 h 4364181"/>
              <a:gd name="connsiteX114" fmla="*/ 1792357 w 2634020"/>
              <a:gd name="connsiteY114" fmla="*/ 166254 h 4364181"/>
              <a:gd name="connsiteX115" fmla="*/ 1761184 w 2634020"/>
              <a:gd name="connsiteY115" fmla="*/ 187036 h 4364181"/>
              <a:gd name="connsiteX116" fmla="*/ 1584538 w 2634020"/>
              <a:gd name="connsiteY116" fmla="*/ 197427 h 4364181"/>
              <a:gd name="connsiteX117" fmla="*/ 1553366 w 2634020"/>
              <a:gd name="connsiteY117" fmla="*/ 207818 h 4364181"/>
              <a:gd name="connsiteX118" fmla="*/ 1511802 w 2634020"/>
              <a:gd name="connsiteY118" fmla="*/ 218209 h 4364181"/>
              <a:gd name="connsiteX119" fmla="*/ 1449457 w 2634020"/>
              <a:gd name="connsiteY119" fmla="*/ 238991 h 4364181"/>
              <a:gd name="connsiteX120" fmla="*/ 1407893 w 2634020"/>
              <a:gd name="connsiteY120" fmla="*/ 228600 h 4364181"/>
              <a:gd name="connsiteX121" fmla="*/ 1387111 w 2634020"/>
              <a:gd name="connsiteY121" fmla="*/ 197427 h 4364181"/>
              <a:gd name="connsiteX122" fmla="*/ 1324766 w 2634020"/>
              <a:gd name="connsiteY122" fmla="*/ 238991 h 4364181"/>
              <a:gd name="connsiteX123" fmla="*/ 1303984 w 2634020"/>
              <a:gd name="connsiteY123" fmla="*/ 207818 h 4364181"/>
              <a:gd name="connsiteX124" fmla="*/ 1324766 w 2634020"/>
              <a:gd name="connsiteY124" fmla="*/ 176645 h 4364181"/>
              <a:gd name="connsiteX125" fmla="*/ 1387111 w 2634020"/>
              <a:gd name="connsiteY125" fmla="*/ 155863 h 4364181"/>
              <a:gd name="connsiteX126" fmla="*/ 1428675 w 2634020"/>
              <a:gd name="connsiteY126" fmla="*/ 166254 h 4364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</a:cxnLst>
            <a:rect l="l" t="t" r="r" b="b"/>
            <a:pathLst>
              <a:path w="2634020" h="4364181">
                <a:moveTo>
                  <a:pt x="1428675" y="166254"/>
                </a:moveTo>
                <a:cubicBezTo>
                  <a:pt x="1394039" y="176645"/>
                  <a:pt x="1358341" y="183997"/>
                  <a:pt x="1324766" y="197427"/>
                </a:cubicBezTo>
                <a:cubicBezTo>
                  <a:pt x="1265981" y="220941"/>
                  <a:pt x="1282893" y="225393"/>
                  <a:pt x="1241638" y="259772"/>
                </a:cubicBezTo>
                <a:cubicBezTo>
                  <a:pt x="1232044" y="267767"/>
                  <a:pt x="1220857" y="273627"/>
                  <a:pt x="1210466" y="280554"/>
                </a:cubicBezTo>
                <a:cubicBezTo>
                  <a:pt x="1196611" y="301336"/>
                  <a:pt x="1181753" y="321483"/>
                  <a:pt x="1168902" y="342900"/>
                </a:cubicBezTo>
                <a:cubicBezTo>
                  <a:pt x="1111849" y="437987"/>
                  <a:pt x="1189307" y="329547"/>
                  <a:pt x="1116947" y="426027"/>
                </a:cubicBezTo>
                <a:cubicBezTo>
                  <a:pt x="1094453" y="516012"/>
                  <a:pt x="1121998" y="418597"/>
                  <a:pt x="1085775" y="509154"/>
                </a:cubicBezTo>
                <a:cubicBezTo>
                  <a:pt x="1064682" y="561886"/>
                  <a:pt x="1065037" y="571278"/>
                  <a:pt x="1054602" y="623454"/>
                </a:cubicBezTo>
                <a:cubicBezTo>
                  <a:pt x="1051138" y="658090"/>
                  <a:pt x="1046197" y="692611"/>
                  <a:pt x="1044211" y="727363"/>
                </a:cubicBezTo>
                <a:cubicBezTo>
                  <a:pt x="1039267" y="813882"/>
                  <a:pt x="1039063" y="900634"/>
                  <a:pt x="1033820" y="987136"/>
                </a:cubicBezTo>
                <a:cubicBezTo>
                  <a:pt x="1032131" y="1015009"/>
                  <a:pt x="1027378" y="1042619"/>
                  <a:pt x="1023429" y="1070263"/>
                </a:cubicBezTo>
                <a:cubicBezTo>
                  <a:pt x="1014936" y="1129712"/>
                  <a:pt x="1015270" y="1123681"/>
                  <a:pt x="1002647" y="1174172"/>
                </a:cubicBezTo>
                <a:cubicBezTo>
                  <a:pt x="1006111" y="1257299"/>
                  <a:pt x="1006892" y="1340582"/>
                  <a:pt x="1013038" y="1423554"/>
                </a:cubicBezTo>
                <a:cubicBezTo>
                  <a:pt x="1013847" y="1434477"/>
                  <a:pt x="1017995" y="1445217"/>
                  <a:pt x="1023429" y="1454727"/>
                </a:cubicBezTo>
                <a:cubicBezTo>
                  <a:pt x="1032021" y="1469764"/>
                  <a:pt x="1042900" y="1483525"/>
                  <a:pt x="1054602" y="1496291"/>
                </a:cubicBezTo>
                <a:cubicBezTo>
                  <a:pt x="1081081" y="1525177"/>
                  <a:pt x="1110020" y="1551709"/>
                  <a:pt x="1137729" y="1579418"/>
                </a:cubicBezTo>
                <a:cubicBezTo>
                  <a:pt x="1148120" y="1589809"/>
                  <a:pt x="1160085" y="1598835"/>
                  <a:pt x="1168902" y="1610591"/>
                </a:cubicBezTo>
                <a:cubicBezTo>
                  <a:pt x="1179293" y="1624445"/>
                  <a:pt x="1190469" y="1637744"/>
                  <a:pt x="1200075" y="1652154"/>
                </a:cubicBezTo>
                <a:cubicBezTo>
                  <a:pt x="1211278" y="1668958"/>
                  <a:pt x="1220404" y="1687070"/>
                  <a:pt x="1231247" y="1704109"/>
                </a:cubicBezTo>
                <a:cubicBezTo>
                  <a:pt x="1263567" y="1754898"/>
                  <a:pt x="1272703" y="1759274"/>
                  <a:pt x="1293593" y="1808018"/>
                </a:cubicBezTo>
                <a:cubicBezTo>
                  <a:pt x="1297908" y="1818085"/>
                  <a:pt x="1300975" y="1828659"/>
                  <a:pt x="1303984" y="1839191"/>
                </a:cubicBezTo>
                <a:cubicBezTo>
                  <a:pt x="1307907" y="1852922"/>
                  <a:pt x="1308749" y="1867628"/>
                  <a:pt x="1314375" y="1880754"/>
                </a:cubicBezTo>
                <a:cubicBezTo>
                  <a:pt x="1319294" y="1892233"/>
                  <a:pt x="1328230" y="1901536"/>
                  <a:pt x="1335157" y="1911927"/>
                </a:cubicBezTo>
                <a:cubicBezTo>
                  <a:pt x="1338620" y="1932709"/>
                  <a:pt x="1341415" y="1953613"/>
                  <a:pt x="1345547" y="1974272"/>
                </a:cubicBezTo>
                <a:cubicBezTo>
                  <a:pt x="1348348" y="1988276"/>
                  <a:pt x="1355938" y="2001555"/>
                  <a:pt x="1355938" y="2015836"/>
                </a:cubicBezTo>
                <a:cubicBezTo>
                  <a:pt x="1355938" y="2058534"/>
                  <a:pt x="1347306" y="2091518"/>
                  <a:pt x="1314375" y="2119745"/>
                </a:cubicBezTo>
                <a:cubicBezTo>
                  <a:pt x="1292001" y="2138923"/>
                  <a:pt x="1258370" y="2144137"/>
                  <a:pt x="1231247" y="2150918"/>
                </a:cubicBezTo>
                <a:cubicBezTo>
                  <a:pt x="1193147" y="2147454"/>
                  <a:pt x="1154622" y="2147176"/>
                  <a:pt x="1116947" y="2140527"/>
                </a:cubicBezTo>
                <a:cubicBezTo>
                  <a:pt x="1095375" y="2136720"/>
                  <a:pt x="1054602" y="2119745"/>
                  <a:pt x="1054602" y="2119745"/>
                </a:cubicBezTo>
                <a:cubicBezTo>
                  <a:pt x="1018887" y="2126888"/>
                  <a:pt x="995326" y="2130743"/>
                  <a:pt x="961084" y="2140527"/>
                </a:cubicBezTo>
                <a:cubicBezTo>
                  <a:pt x="936007" y="2147692"/>
                  <a:pt x="914924" y="2158356"/>
                  <a:pt x="888347" y="2161309"/>
                </a:cubicBezTo>
                <a:cubicBezTo>
                  <a:pt x="839093" y="2166782"/>
                  <a:pt x="603280" y="2179911"/>
                  <a:pt x="566229" y="2182091"/>
                </a:cubicBezTo>
                <a:cubicBezTo>
                  <a:pt x="441538" y="2178627"/>
                  <a:pt x="316579" y="2180587"/>
                  <a:pt x="192157" y="2171700"/>
                </a:cubicBezTo>
                <a:cubicBezTo>
                  <a:pt x="170307" y="2170139"/>
                  <a:pt x="150593" y="2157845"/>
                  <a:pt x="129811" y="2150918"/>
                </a:cubicBezTo>
                <a:lnTo>
                  <a:pt x="98638" y="2140527"/>
                </a:lnTo>
                <a:lnTo>
                  <a:pt x="67466" y="2130136"/>
                </a:lnTo>
                <a:lnTo>
                  <a:pt x="5120" y="2140527"/>
                </a:lnTo>
                <a:cubicBezTo>
                  <a:pt x="-11474" y="2180352"/>
                  <a:pt x="16788" y="2250822"/>
                  <a:pt x="25902" y="2296391"/>
                </a:cubicBezTo>
                <a:cubicBezTo>
                  <a:pt x="30034" y="2317050"/>
                  <a:pt x="31183" y="2338297"/>
                  <a:pt x="36293" y="2358736"/>
                </a:cubicBezTo>
                <a:cubicBezTo>
                  <a:pt x="41606" y="2379988"/>
                  <a:pt x="50148" y="2400299"/>
                  <a:pt x="57075" y="2421081"/>
                </a:cubicBezTo>
                <a:cubicBezTo>
                  <a:pt x="60539" y="2431472"/>
                  <a:pt x="61391" y="2443140"/>
                  <a:pt x="67466" y="2452254"/>
                </a:cubicBezTo>
                <a:cubicBezTo>
                  <a:pt x="89753" y="2485686"/>
                  <a:pt x="91451" y="2485442"/>
                  <a:pt x="109029" y="2524991"/>
                </a:cubicBezTo>
                <a:cubicBezTo>
                  <a:pt x="116604" y="2542035"/>
                  <a:pt x="120879" y="2560570"/>
                  <a:pt x="129811" y="2576945"/>
                </a:cubicBezTo>
                <a:cubicBezTo>
                  <a:pt x="141771" y="2598872"/>
                  <a:pt x="160205" y="2616951"/>
                  <a:pt x="171375" y="2639291"/>
                </a:cubicBezTo>
                <a:cubicBezTo>
                  <a:pt x="184609" y="2665760"/>
                  <a:pt x="190686" y="2695306"/>
                  <a:pt x="202547" y="2722418"/>
                </a:cubicBezTo>
                <a:cubicBezTo>
                  <a:pt x="214964" y="2750800"/>
                  <a:pt x="231398" y="2777294"/>
                  <a:pt x="244111" y="2805545"/>
                </a:cubicBezTo>
                <a:cubicBezTo>
                  <a:pt x="262589" y="2846606"/>
                  <a:pt x="275930" y="2889962"/>
                  <a:pt x="296066" y="2930236"/>
                </a:cubicBezTo>
                <a:cubicBezTo>
                  <a:pt x="326643" y="2991393"/>
                  <a:pt x="311949" y="2957105"/>
                  <a:pt x="337629" y="3034145"/>
                </a:cubicBezTo>
                <a:cubicBezTo>
                  <a:pt x="341093" y="3186545"/>
                  <a:pt x="339068" y="3339169"/>
                  <a:pt x="348020" y="3491345"/>
                </a:cubicBezTo>
                <a:cubicBezTo>
                  <a:pt x="349501" y="3516517"/>
                  <a:pt x="363132" y="3539511"/>
                  <a:pt x="368802" y="3564081"/>
                </a:cubicBezTo>
                <a:cubicBezTo>
                  <a:pt x="425335" y="3809056"/>
                  <a:pt x="333233" y="3461472"/>
                  <a:pt x="399975" y="3678381"/>
                </a:cubicBezTo>
                <a:cubicBezTo>
                  <a:pt x="408375" y="3705680"/>
                  <a:pt x="413830" y="3733800"/>
                  <a:pt x="420757" y="3761509"/>
                </a:cubicBezTo>
                <a:cubicBezTo>
                  <a:pt x="424220" y="3775363"/>
                  <a:pt x="426631" y="3789524"/>
                  <a:pt x="431147" y="3803072"/>
                </a:cubicBezTo>
                <a:cubicBezTo>
                  <a:pt x="438074" y="3823854"/>
                  <a:pt x="446616" y="3844166"/>
                  <a:pt x="451929" y="3865418"/>
                </a:cubicBezTo>
                <a:cubicBezTo>
                  <a:pt x="455393" y="3879272"/>
                  <a:pt x="457306" y="3893610"/>
                  <a:pt x="462320" y="3906981"/>
                </a:cubicBezTo>
                <a:cubicBezTo>
                  <a:pt x="482066" y="3959637"/>
                  <a:pt x="483625" y="3941070"/>
                  <a:pt x="514275" y="3990109"/>
                </a:cubicBezTo>
                <a:cubicBezTo>
                  <a:pt x="551942" y="4050375"/>
                  <a:pt x="513059" y="4017006"/>
                  <a:pt x="566229" y="4052454"/>
                </a:cubicBezTo>
                <a:cubicBezTo>
                  <a:pt x="590936" y="4126574"/>
                  <a:pt x="555903" y="4036967"/>
                  <a:pt x="607793" y="4114800"/>
                </a:cubicBezTo>
                <a:cubicBezTo>
                  <a:pt x="613869" y="4123913"/>
                  <a:pt x="612108" y="4136859"/>
                  <a:pt x="618184" y="4145972"/>
                </a:cubicBezTo>
                <a:cubicBezTo>
                  <a:pt x="645053" y="4186275"/>
                  <a:pt x="655129" y="4178299"/>
                  <a:pt x="701311" y="4187536"/>
                </a:cubicBezTo>
                <a:cubicBezTo>
                  <a:pt x="724082" y="4214861"/>
                  <a:pt x="755101" y="4255908"/>
                  <a:pt x="784438" y="4281054"/>
                </a:cubicBezTo>
                <a:cubicBezTo>
                  <a:pt x="797587" y="4292325"/>
                  <a:pt x="811909" y="4302161"/>
                  <a:pt x="826002" y="4312227"/>
                </a:cubicBezTo>
                <a:cubicBezTo>
                  <a:pt x="852088" y="4330860"/>
                  <a:pt x="868300" y="4340746"/>
                  <a:pt x="898738" y="4353791"/>
                </a:cubicBezTo>
                <a:cubicBezTo>
                  <a:pt x="908805" y="4358106"/>
                  <a:pt x="919520" y="4360718"/>
                  <a:pt x="929911" y="4364181"/>
                </a:cubicBezTo>
                <a:cubicBezTo>
                  <a:pt x="1009575" y="4360718"/>
                  <a:pt x="1089398" y="4359906"/>
                  <a:pt x="1168902" y="4353791"/>
                </a:cubicBezTo>
                <a:cubicBezTo>
                  <a:pt x="1179823" y="4352951"/>
                  <a:pt x="1190278" y="4348298"/>
                  <a:pt x="1200075" y="4343400"/>
                </a:cubicBezTo>
                <a:cubicBezTo>
                  <a:pt x="1211245" y="4337815"/>
                  <a:pt x="1221257" y="4330111"/>
                  <a:pt x="1231247" y="4322618"/>
                </a:cubicBezTo>
                <a:cubicBezTo>
                  <a:pt x="1325736" y="4251751"/>
                  <a:pt x="1241669" y="4312200"/>
                  <a:pt x="1335157" y="4229100"/>
                </a:cubicBezTo>
                <a:cubicBezTo>
                  <a:pt x="1348101" y="4217595"/>
                  <a:pt x="1363687" y="4209331"/>
                  <a:pt x="1376720" y="4197927"/>
                </a:cubicBezTo>
                <a:cubicBezTo>
                  <a:pt x="1391466" y="4185025"/>
                  <a:pt x="1403232" y="4168906"/>
                  <a:pt x="1418284" y="4156363"/>
                </a:cubicBezTo>
                <a:cubicBezTo>
                  <a:pt x="1444892" y="4134189"/>
                  <a:pt x="1473957" y="4115136"/>
                  <a:pt x="1501411" y="4094018"/>
                </a:cubicBezTo>
                <a:cubicBezTo>
                  <a:pt x="1518990" y="4080496"/>
                  <a:pt x="1539511" y="4069772"/>
                  <a:pt x="1553366" y="4052454"/>
                </a:cubicBezTo>
                <a:cubicBezTo>
                  <a:pt x="1567220" y="4035136"/>
                  <a:pt x="1580195" y="4017076"/>
                  <a:pt x="1594929" y="4000500"/>
                </a:cubicBezTo>
                <a:cubicBezTo>
                  <a:pt x="1607946" y="3985856"/>
                  <a:pt x="1623742" y="3973812"/>
                  <a:pt x="1636493" y="3958936"/>
                </a:cubicBezTo>
                <a:cubicBezTo>
                  <a:pt x="1644620" y="3949454"/>
                  <a:pt x="1648444" y="3936594"/>
                  <a:pt x="1657275" y="3927763"/>
                </a:cubicBezTo>
                <a:cubicBezTo>
                  <a:pt x="1740403" y="3844635"/>
                  <a:pt x="1660737" y="3952011"/>
                  <a:pt x="1730011" y="3855027"/>
                </a:cubicBezTo>
                <a:cubicBezTo>
                  <a:pt x="1749547" y="3827676"/>
                  <a:pt x="1753265" y="3824356"/>
                  <a:pt x="1761184" y="3792681"/>
                </a:cubicBezTo>
                <a:cubicBezTo>
                  <a:pt x="1765467" y="3775547"/>
                  <a:pt x="1765374" y="3757263"/>
                  <a:pt x="1771575" y="3740727"/>
                </a:cubicBezTo>
                <a:cubicBezTo>
                  <a:pt x="1775960" y="3729034"/>
                  <a:pt x="1785430" y="3719945"/>
                  <a:pt x="1792357" y="3709554"/>
                </a:cubicBezTo>
                <a:cubicBezTo>
                  <a:pt x="1836127" y="3578230"/>
                  <a:pt x="1763115" y="3788174"/>
                  <a:pt x="1823529" y="3647209"/>
                </a:cubicBezTo>
                <a:cubicBezTo>
                  <a:pt x="1829155" y="3634083"/>
                  <a:pt x="1829404" y="3619193"/>
                  <a:pt x="1833920" y="3605645"/>
                </a:cubicBezTo>
                <a:cubicBezTo>
                  <a:pt x="1839818" y="3587950"/>
                  <a:pt x="1849217" y="3571518"/>
                  <a:pt x="1854702" y="3553691"/>
                </a:cubicBezTo>
                <a:cubicBezTo>
                  <a:pt x="1863102" y="3526392"/>
                  <a:pt x="1868557" y="3498272"/>
                  <a:pt x="1875484" y="3470563"/>
                </a:cubicBezTo>
                <a:cubicBezTo>
                  <a:pt x="1878948" y="3456709"/>
                  <a:pt x="1880571" y="3442259"/>
                  <a:pt x="1885875" y="3429000"/>
                </a:cubicBezTo>
                <a:cubicBezTo>
                  <a:pt x="1907222" y="3375632"/>
                  <a:pt x="1909650" y="3372513"/>
                  <a:pt x="1927438" y="3314700"/>
                </a:cubicBezTo>
                <a:cubicBezTo>
                  <a:pt x="1975293" y="3159168"/>
                  <a:pt x="1917879" y="3320221"/>
                  <a:pt x="1979393" y="3179618"/>
                </a:cubicBezTo>
                <a:cubicBezTo>
                  <a:pt x="1994346" y="3145441"/>
                  <a:pt x="1998575" y="3105553"/>
                  <a:pt x="2020957" y="3075709"/>
                </a:cubicBezTo>
                <a:cubicBezTo>
                  <a:pt x="2092476" y="2980347"/>
                  <a:pt x="2014295" y="3092095"/>
                  <a:pt x="2072911" y="2982191"/>
                </a:cubicBezTo>
                <a:cubicBezTo>
                  <a:pt x="2091920" y="2946550"/>
                  <a:pt x="2122484" y="2916601"/>
                  <a:pt x="2135257" y="2878281"/>
                </a:cubicBezTo>
                <a:cubicBezTo>
                  <a:pt x="2142184" y="2857499"/>
                  <a:pt x="2146973" y="2835878"/>
                  <a:pt x="2156038" y="2815936"/>
                </a:cubicBezTo>
                <a:cubicBezTo>
                  <a:pt x="2164395" y="2797550"/>
                  <a:pt x="2178179" y="2782045"/>
                  <a:pt x="2187211" y="2763981"/>
                </a:cubicBezTo>
                <a:cubicBezTo>
                  <a:pt x="2195553" y="2747298"/>
                  <a:pt x="2200275" y="2729007"/>
                  <a:pt x="2207993" y="2712027"/>
                </a:cubicBezTo>
                <a:cubicBezTo>
                  <a:pt x="2217608" y="2690875"/>
                  <a:pt x="2230825" y="2671367"/>
                  <a:pt x="2239166" y="2649681"/>
                </a:cubicBezTo>
                <a:cubicBezTo>
                  <a:pt x="2248218" y="2626146"/>
                  <a:pt x="2252426" y="2601013"/>
                  <a:pt x="2259947" y="2576945"/>
                </a:cubicBezTo>
                <a:cubicBezTo>
                  <a:pt x="2269748" y="2545582"/>
                  <a:pt x="2281381" y="2514809"/>
                  <a:pt x="2291120" y="2483427"/>
                </a:cubicBezTo>
                <a:cubicBezTo>
                  <a:pt x="2312557" y="2414354"/>
                  <a:pt x="2332684" y="2344882"/>
                  <a:pt x="2353466" y="2275609"/>
                </a:cubicBezTo>
                <a:cubicBezTo>
                  <a:pt x="2363857" y="2240973"/>
                  <a:pt x="2373203" y="2206006"/>
                  <a:pt x="2384638" y="2171700"/>
                </a:cubicBezTo>
                <a:cubicBezTo>
                  <a:pt x="2405420" y="2109354"/>
                  <a:pt x="2431045" y="2048419"/>
                  <a:pt x="2446984" y="1984663"/>
                </a:cubicBezTo>
                <a:cubicBezTo>
                  <a:pt x="2453911" y="1956954"/>
                  <a:pt x="2459920" y="1928999"/>
                  <a:pt x="2467766" y="1901536"/>
                </a:cubicBezTo>
                <a:cubicBezTo>
                  <a:pt x="2501728" y="1782668"/>
                  <a:pt x="2474210" y="1892591"/>
                  <a:pt x="2509329" y="1787236"/>
                </a:cubicBezTo>
                <a:cubicBezTo>
                  <a:pt x="2517303" y="1763314"/>
                  <a:pt x="2522518" y="1738545"/>
                  <a:pt x="2530111" y="1714500"/>
                </a:cubicBezTo>
                <a:cubicBezTo>
                  <a:pt x="2543304" y="1672722"/>
                  <a:pt x="2555404" y="1630487"/>
                  <a:pt x="2571675" y="1589809"/>
                </a:cubicBezTo>
                <a:cubicBezTo>
                  <a:pt x="2585529" y="1555173"/>
                  <a:pt x="2601441" y="1521290"/>
                  <a:pt x="2613238" y="1485900"/>
                </a:cubicBezTo>
                <a:lnTo>
                  <a:pt x="2634020" y="1423554"/>
                </a:lnTo>
                <a:cubicBezTo>
                  <a:pt x="2572371" y="1331081"/>
                  <a:pt x="2575228" y="1338159"/>
                  <a:pt x="2498938" y="1163781"/>
                </a:cubicBezTo>
                <a:cubicBezTo>
                  <a:pt x="2374711" y="879834"/>
                  <a:pt x="2455356" y="1072256"/>
                  <a:pt x="2301511" y="665018"/>
                </a:cubicBezTo>
                <a:cubicBezTo>
                  <a:pt x="2284462" y="619888"/>
                  <a:pt x="2260405" y="576943"/>
                  <a:pt x="2249557" y="529936"/>
                </a:cubicBezTo>
                <a:cubicBezTo>
                  <a:pt x="2229005" y="440876"/>
                  <a:pt x="2213878" y="367221"/>
                  <a:pt x="2187211" y="280554"/>
                </a:cubicBezTo>
                <a:cubicBezTo>
                  <a:pt x="2171106" y="228211"/>
                  <a:pt x="2152575" y="176645"/>
                  <a:pt x="2135257" y="124691"/>
                </a:cubicBezTo>
                <a:lnTo>
                  <a:pt x="2104084" y="31172"/>
                </a:lnTo>
                <a:lnTo>
                  <a:pt x="2093693" y="0"/>
                </a:lnTo>
                <a:lnTo>
                  <a:pt x="2020957" y="20781"/>
                </a:lnTo>
                <a:cubicBezTo>
                  <a:pt x="2010466" y="23928"/>
                  <a:pt x="1999851" y="26857"/>
                  <a:pt x="1989784" y="31172"/>
                </a:cubicBezTo>
                <a:cubicBezTo>
                  <a:pt x="1953796" y="46596"/>
                  <a:pt x="1916097" y="70012"/>
                  <a:pt x="1885875" y="93518"/>
                </a:cubicBezTo>
                <a:cubicBezTo>
                  <a:pt x="1854702" y="117763"/>
                  <a:pt x="1825216" y="144348"/>
                  <a:pt x="1792357" y="166254"/>
                </a:cubicBezTo>
                <a:cubicBezTo>
                  <a:pt x="1781966" y="173181"/>
                  <a:pt x="1773534" y="185183"/>
                  <a:pt x="1761184" y="187036"/>
                </a:cubicBezTo>
                <a:cubicBezTo>
                  <a:pt x="1702853" y="195786"/>
                  <a:pt x="1643420" y="193963"/>
                  <a:pt x="1584538" y="197427"/>
                </a:cubicBezTo>
                <a:cubicBezTo>
                  <a:pt x="1574147" y="200891"/>
                  <a:pt x="1563897" y="204809"/>
                  <a:pt x="1553366" y="207818"/>
                </a:cubicBezTo>
                <a:cubicBezTo>
                  <a:pt x="1539634" y="211741"/>
                  <a:pt x="1525481" y="214105"/>
                  <a:pt x="1511802" y="218209"/>
                </a:cubicBezTo>
                <a:cubicBezTo>
                  <a:pt x="1490820" y="224504"/>
                  <a:pt x="1449457" y="238991"/>
                  <a:pt x="1449457" y="238991"/>
                </a:cubicBezTo>
                <a:cubicBezTo>
                  <a:pt x="1435602" y="235527"/>
                  <a:pt x="1419776" y="236522"/>
                  <a:pt x="1407893" y="228600"/>
                </a:cubicBezTo>
                <a:cubicBezTo>
                  <a:pt x="1397502" y="221673"/>
                  <a:pt x="1399503" y="195878"/>
                  <a:pt x="1387111" y="197427"/>
                </a:cubicBezTo>
                <a:cubicBezTo>
                  <a:pt x="1362327" y="200525"/>
                  <a:pt x="1324766" y="238991"/>
                  <a:pt x="1324766" y="238991"/>
                </a:cubicBezTo>
                <a:cubicBezTo>
                  <a:pt x="1317839" y="228600"/>
                  <a:pt x="1303984" y="220306"/>
                  <a:pt x="1303984" y="207818"/>
                </a:cubicBezTo>
                <a:cubicBezTo>
                  <a:pt x="1303984" y="195330"/>
                  <a:pt x="1314176" y="183264"/>
                  <a:pt x="1324766" y="176645"/>
                </a:cubicBezTo>
                <a:cubicBezTo>
                  <a:pt x="1343342" y="165035"/>
                  <a:pt x="1387111" y="133957"/>
                  <a:pt x="1387111" y="155863"/>
                </a:cubicBezTo>
                <a:lnTo>
                  <a:pt x="1428675" y="166254"/>
                </a:lnTo>
                <a:close/>
              </a:path>
            </a:pathLst>
          </a:custGeom>
          <a:solidFill>
            <a:srgbClr val="FFFFFF">
              <a:alpha val="70980"/>
            </a:srgbClr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7796765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4" name="Group 43">
            <a:extLst>
              <a:ext uri="{FF2B5EF4-FFF2-40B4-BE49-F238E27FC236}">
                <a16:creationId xmlns:a16="http://schemas.microsoft.com/office/drawing/2014/main" id="{21074245-BE43-19DA-59E5-AE3D5A63FA31}"/>
              </a:ext>
            </a:extLst>
          </p:cNvPr>
          <p:cNvGrpSpPr/>
          <p:nvPr/>
        </p:nvGrpSpPr>
        <p:grpSpPr>
          <a:xfrm>
            <a:off x="1126136" y="1633079"/>
            <a:ext cx="5080000" cy="2134824"/>
            <a:chOff x="1710308" y="2209924"/>
            <a:chExt cx="5080000" cy="2134824"/>
          </a:xfrm>
        </p:grpSpPr>
        <p:pic>
          <p:nvPicPr>
            <p:cNvPr id="43" name="Picture 2">
              <a:extLst>
                <a:ext uri="{FF2B5EF4-FFF2-40B4-BE49-F238E27FC236}">
                  <a16:creationId xmlns:a16="http://schemas.microsoft.com/office/drawing/2014/main" id="{B3BB57FF-7341-ADDD-7693-64BD97D7E3C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32761"/>
            <a:stretch/>
          </p:blipFill>
          <p:spPr bwMode="auto">
            <a:xfrm>
              <a:off x="1710308" y="2209924"/>
              <a:ext cx="5080000" cy="21348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EFF7BFFA-5A63-BF09-FAFC-620507CD1409}"/>
                </a:ext>
              </a:extLst>
            </p:cNvPr>
            <p:cNvSpPr/>
            <p:nvPr/>
          </p:nvSpPr>
          <p:spPr bwMode="auto">
            <a:xfrm>
              <a:off x="3749949" y="3264661"/>
              <a:ext cx="3040359" cy="1072299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" name="Title 3">
            <a:extLst>
              <a:ext uri="{FF2B5EF4-FFF2-40B4-BE49-F238E27FC236}">
                <a16:creationId xmlns:a16="http://schemas.microsoft.com/office/drawing/2014/main" id="{859C009E-3E48-4E45-B900-4FCCCAD658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782EF03F-7B2E-54DB-2F24-A79A7B0BF01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0503" t="67480"/>
          <a:stretch/>
        </p:blipFill>
        <p:spPr bwMode="auto">
          <a:xfrm>
            <a:off x="4806530" y="4369993"/>
            <a:ext cx="2006434" cy="10325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A43C54E-525E-38C7-BE0E-419B0666AB1B}"/>
              </a:ext>
            </a:extLst>
          </p:cNvPr>
          <p:cNvSpPr txBox="1"/>
          <p:nvPr/>
        </p:nvSpPr>
        <p:spPr>
          <a:xfrm>
            <a:off x="8542684" y="3090291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3D6BFE3-6C71-BA0C-DDB9-74E4A19D9977}"/>
              </a:ext>
            </a:extLst>
          </p:cNvPr>
          <p:cNvSpPr txBox="1"/>
          <p:nvPr/>
        </p:nvSpPr>
        <p:spPr>
          <a:xfrm>
            <a:off x="8542684" y="3312045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6476B925-CE55-20D9-B369-50CFE0F084FA}"/>
              </a:ext>
            </a:extLst>
          </p:cNvPr>
          <p:cNvSpPr/>
          <p:nvPr/>
        </p:nvSpPr>
        <p:spPr bwMode="auto">
          <a:xfrm>
            <a:off x="8527444" y="2904773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8CC9A14-12F0-01BB-B9E5-AC6E2D0CDD37}"/>
              </a:ext>
            </a:extLst>
          </p:cNvPr>
          <p:cNvSpPr/>
          <p:nvPr/>
        </p:nvSpPr>
        <p:spPr bwMode="auto">
          <a:xfrm>
            <a:off x="9447706" y="2904773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DA297CC1-7E88-2FA9-C460-085A3B211984}"/>
              </a:ext>
            </a:extLst>
          </p:cNvPr>
          <p:cNvSpPr/>
          <p:nvPr/>
        </p:nvSpPr>
        <p:spPr bwMode="auto">
          <a:xfrm>
            <a:off x="10352729" y="2907436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0CB6E8A-5CBA-4452-7261-4EAD2C3A7C4E}"/>
              </a:ext>
            </a:extLst>
          </p:cNvPr>
          <p:cNvSpPr txBox="1"/>
          <p:nvPr/>
        </p:nvSpPr>
        <p:spPr>
          <a:xfrm>
            <a:off x="8946640" y="1938451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4E8A2085-57B5-FCC9-6411-04CD3358C1A5}"/>
              </a:ext>
            </a:extLst>
          </p:cNvPr>
          <p:cNvSpPr/>
          <p:nvPr/>
        </p:nvSpPr>
        <p:spPr bwMode="auto">
          <a:xfrm>
            <a:off x="8946640" y="1703738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2FF3E4E2-E940-9E72-3DB0-6FE3A9295644}"/>
              </a:ext>
            </a:extLst>
          </p:cNvPr>
          <p:cNvSpPr/>
          <p:nvPr/>
        </p:nvSpPr>
        <p:spPr bwMode="auto">
          <a:xfrm>
            <a:off x="9412482" y="5007263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C8DE5CF-76F6-B07A-19D4-FF8FC63102A1}"/>
              </a:ext>
            </a:extLst>
          </p:cNvPr>
          <p:cNvSpPr txBox="1"/>
          <p:nvPr/>
        </p:nvSpPr>
        <p:spPr>
          <a:xfrm>
            <a:off x="9008088" y="2189908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8E56ABA-52F3-A8A7-7F65-185ECCBEA05B}"/>
              </a:ext>
            </a:extLst>
          </p:cNvPr>
          <p:cNvSpPr txBox="1"/>
          <p:nvPr/>
        </p:nvSpPr>
        <p:spPr>
          <a:xfrm>
            <a:off x="9391072" y="5233158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B54C92BB-4A5F-2808-89A4-91F59215443F}"/>
              </a:ext>
            </a:extLst>
          </p:cNvPr>
          <p:cNvSpPr/>
          <p:nvPr/>
        </p:nvSpPr>
        <p:spPr bwMode="auto">
          <a:xfrm>
            <a:off x="9866806" y="1705992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ACA3883-00E2-BE86-4F25-210D64E3CA8B}"/>
              </a:ext>
            </a:extLst>
          </p:cNvPr>
          <p:cNvSpPr txBox="1"/>
          <p:nvPr/>
        </p:nvSpPr>
        <p:spPr>
          <a:xfrm>
            <a:off x="9452520" y="5451533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0EF1E4A1-CFC0-AD40-FB1D-70AF4334A4AE}"/>
              </a:ext>
            </a:extLst>
          </p:cNvPr>
          <p:cNvCxnSpPr/>
          <p:nvPr/>
        </p:nvCxnSpPr>
        <p:spPr bwMode="auto">
          <a:xfrm flipV="1">
            <a:off x="8671460" y="2442219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A397880C-BC28-7B3D-A611-61BA7EAA6B10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174106" y="2442219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57456E69-0072-3C8A-4AAA-64BB13DB9250}"/>
              </a:ext>
            </a:extLst>
          </p:cNvPr>
          <p:cNvCxnSpPr/>
          <p:nvPr/>
        </p:nvCxnSpPr>
        <p:spPr bwMode="auto">
          <a:xfrm flipV="1">
            <a:off x="9619479" y="2450666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D9CD1D63-A2CD-A9CC-2C72-505A8D52449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22125" y="2450666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36B17903-B177-0271-99B9-9BAECCEF5703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5955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B62A6019-9D70-CD50-2599-CA0E41272D76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6332" y="3545955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24A6B465-FB76-69BB-2947-3B99509752ED}"/>
              </a:ext>
            </a:extLst>
          </p:cNvPr>
          <p:cNvSpPr/>
          <p:nvPr/>
        </p:nvSpPr>
        <p:spPr bwMode="auto">
          <a:xfrm>
            <a:off x="9416323" y="3934613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9D9ED3B-FA2B-5D30-42EC-16DA9EACDFAF}"/>
              </a:ext>
            </a:extLst>
          </p:cNvPr>
          <p:cNvSpPr txBox="1"/>
          <p:nvPr/>
        </p:nvSpPr>
        <p:spPr>
          <a:xfrm>
            <a:off x="9343085" y="4161511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26CC679-F6D0-D651-DA68-77356D34DD52}"/>
              </a:ext>
            </a:extLst>
          </p:cNvPr>
          <p:cNvSpPr txBox="1"/>
          <p:nvPr/>
        </p:nvSpPr>
        <p:spPr>
          <a:xfrm>
            <a:off x="9466793" y="4375192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7B2D31D-472D-8F7E-9335-97BCE365F5AF}"/>
              </a:ext>
            </a:extLst>
          </p:cNvPr>
          <p:cNvCxnSpPr>
            <a:cxnSpLocks/>
          </p:cNvCxnSpPr>
          <p:nvPr/>
        </p:nvCxnSpPr>
        <p:spPr bwMode="auto">
          <a:xfrm>
            <a:off x="8614692" y="3549251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52A973E-8A44-4E5F-0B07-A05AA63B15FF}"/>
              </a:ext>
            </a:extLst>
          </p:cNvPr>
          <p:cNvCxnSpPr>
            <a:cxnSpLocks/>
          </p:cNvCxnSpPr>
          <p:nvPr/>
        </p:nvCxnSpPr>
        <p:spPr bwMode="auto">
          <a:xfrm flipH="1">
            <a:off x="9637849" y="3551685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B7348F8-29B5-7179-2AFD-0BAFE11DFA77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519715" y="3545955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3" name="Freeform 32">
            <a:extLst>
              <a:ext uri="{FF2B5EF4-FFF2-40B4-BE49-F238E27FC236}">
                <a16:creationId xmlns:a16="http://schemas.microsoft.com/office/drawing/2014/main" id="{5E5CC716-84B5-DE3F-4530-58AADEF89F61}"/>
              </a:ext>
            </a:extLst>
          </p:cNvPr>
          <p:cNvSpPr/>
          <p:nvPr/>
        </p:nvSpPr>
        <p:spPr bwMode="auto">
          <a:xfrm>
            <a:off x="8546598" y="1413164"/>
            <a:ext cx="2634020" cy="4364181"/>
          </a:xfrm>
          <a:custGeom>
            <a:avLst/>
            <a:gdLst>
              <a:gd name="connsiteX0" fmla="*/ 1428675 w 2634020"/>
              <a:gd name="connsiteY0" fmla="*/ 166254 h 4364181"/>
              <a:gd name="connsiteX1" fmla="*/ 1324766 w 2634020"/>
              <a:gd name="connsiteY1" fmla="*/ 197427 h 4364181"/>
              <a:gd name="connsiteX2" fmla="*/ 1241638 w 2634020"/>
              <a:gd name="connsiteY2" fmla="*/ 259772 h 4364181"/>
              <a:gd name="connsiteX3" fmla="*/ 1210466 w 2634020"/>
              <a:gd name="connsiteY3" fmla="*/ 280554 h 4364181"/>
              <a:gd name="connsiteX4" fmla="*/ 1168902 w 2634020"/>
              <a:gd name="connsiteY4" fmla="*/ 342900 h 4364181"/>
              <a:gd name="connsiteX5" fmla="*/ 1116947 w 2634020"/>
              <a:gd name="connsiteY5" fmla="*/ 426027 h 4364181"/>
              <a:gd name="connsiteX6" fmla="*/ 1085775 w 2634020"/>
              <a:gd name="connsiteY6" fmla="*/ 509154 h 4364181"/>
              <a:gd name="connsiteX7" fmla="*/ 1054602 w 2634020"/>
              <a:gd name="connsiteY7" fmla="*/ 623454 h 4364181"/>
              <a:gd name="connsiteX8" fmla="*/ 1044211 w 2634020"/>
              <a:gd name="connsiteY8" fmla="*/ 727363 h 4364181"/>
              <a:gd name="connsiteX9" fmla="*/ 1033820 w 2634020"/>
              <a:gd name="connsiteY9" fmla="*/ 987136 h 4364181"/>
              <a:gd name="connsiteX10" fmla="*/ 1023429 w 2634020"/>
              <a:gd name="connsiteY10" fmla="*/ 1070263 h 4364181"/>
              <a:gd name="connsiteX11" fmla="*/ 1002647 w 2634020"/>
              <a:gd name="connsiteY11" fmla="*/ 1174172 h 4364181"/>
              <a:gd name="connsiteX12" fmla="*/ 1013038 w 2634020"/>
              <a:gd name="connsiteY12" fmla="*/ 1423554 h 4364181"/>
              <a:gd name="connsiteX13" fmla="*/ 1023429 w 2634020"/>
              <a:gd name="connsiteY13" fmla="*/ 1454727 h 4364181"/>
              <a:gd name="connsiteX14" fmla="*/ 1054602 w 2634020"/>
              <a:gd name="connsiteY14" fmla="*/ 1496291 h 4364181"/>
              <a:gd name="connsiteX15" fmla="*/ 1137729 w 2634020"/>
              <a:gd name="connsiteY15" fmla="*/ 1579418 h 4364181"/>
              <a:gd name="connsiteX16" fmla="*/ 1168902 w 2634020"/>
              <a:gd name="connsiteY16" fmla="*/ 1610591 h 4364181"/>
              <a:gd name="connsiteX17" fmla="*/ 1200075 w 2634020"/>
              <a:gd name="connsiteY17" fmla="*/ 1652154 h 4364181"/>
              <a:gd name="connsiteX18" fmla="*/ 1231247 w 2634020"/>
              <a:gd name="connsiteY18" fmla="*/ 1704109 h 4364181"/>
              <a:gd name="connsiteX19" fmla="*/ 1293593 w 2634020"/>
              <a:gd name="connsiteY19" fmla="*/ 1808018 h 4364181"/>
              <a:gd name="connsiteX20" fmla="*/ 1303984 w 2634020"/>
              <a:gd name="connsiteY20" fmla="*/ 1839191 h 4364181"/>
              <a:gd name="connsiteX21" fmla="*/ 1314375 w 2634020"/>
              <a:gd name="connsiteY21" fmla="*/ 1880754 h 4364181"/>
              <a:gd name="connsiteX22" fmla="*/ 1335157 w 2634020"/>
              <a:gd name="connsiteY22" fmla="*/ 1911927 h 4364181"/>
              <a:gd name="connsiteX23" fmla="*/ 1345547 w 2634020"/>
              <a:gd name="connsiteY23" fmla="*/ 1974272 h 4364181"/>
              <a:gd name="connsiteX24" fmla="*/ 1355938 w 2634020"/>
              <a:gd name="connsiteY24" fmla="*/ 2015836 h 4364181"/>
              <a:gd name="connsiteX25" fmla="*/ 1314375 w 2634020"/>
              <a:gd name="connsiteY25" fmla="*/ 2119745 h 4364181"/>
              <a:gd name="connsiteX26" fmla="*/ 1231247 w 2634020"/>
              <a:gd name="connsiteY26" fmla="*/ 2150918 h 4364181"/>
              <a:gd name="connsiteX27" fmla="*/ 1116947 w 2634020"/>
              <a:gd name="connsiteY27" fmla="*/ 2140527 h 4364181"/>
              <a:gd name="connsiteX28" fmla="*/ 1054602 w 2634020"/>
              <a:gd name="connsiteY28" fmla="*/ 2119745 h 4364181"/>
              <a:gd name="connsiteX29" fmla="*/ 961084 w 2634020"/>
              <a:gd name="connsiteY29" fmla="*/ 2140527 h 4364181"/>
              <a:gd name="connsiteX30" fmla="*/ 888347 w 2634020"/>
              <a:gd name="connsiteY30" fmla="*/ 2161309 h 4364181"/>
              <a:gd name="connsiteX31" fmla="*/ 566229 w 2634020"/>
              <a:gd name="connsiteY31" fmla="*/ 2182091 h 4364181"/>
              <a:gd name="connsiteX32" fmla="*/ 192157 w 2634020"/>
              <a:gd name="connsiteY32" fmla="*/ 2171700 h 4364181"/>
              <a:gd name="connsiteX33" fmla="*/ 129811 w 2634020"/>
              <a:gd name="connsiteY33" fmla="*/ 2150918 h 4364181"/>
              <a:gd name="connsiteX34" fmla="*/ 98638 w 2634020"/>
              <a:gd name="connsiteY34" fmla="*/ 2140527 h 4364181"/>
              <a:gd name="connsiteX35" fmla="*/ 67466 w 2634020"/>
              <a:gd name="connsiteY35" fmla="*/ 2130136 h 4364181"/>
              <a:gd name="connsiteX36" fmla="*/ 5120 w 2634020"/>
              <a:gd name="connsiteY36" fmla="*/ 2140527 h 4364181"/>
              <a:gd name="connsiteX37" fmla="*/ 25902 w 2634020"/>
              <a:gd name="connsiteY37" fmla="*/ 2296391 h 4364181"/>
              <a:gd name="connsiteX38" fmla="*/ 36293 w 2634020"/>
              <a:gd name="connsiteY38" fmla="*/ 2358736 h 4364181"/>
              <a:gd name="connsiteX39" fmla="*/ 57075 w 2634020"/>
              <a:gd name="connsiteY39" fmla="*/ 2421081 h 4364181"/>
              <a:gd name="connsiteX40" fmla="*/ 67466 w 2634020"/>
              <a:gd name="connsiteY40" fmla="*/ 2452254 h 4364181"/>
              <a:gd name="connsiteX41" fmla="*/ 109029 w 2634020"/>
              <a:gd name="connsiteY41" fmla="*/ 2524991 h 4364181"/>
              <a:gd name="connsiteX42" fmla="*/ 129811 w 2634020"/>
              <a:gd name="connsiteY42" fmla="*/ 2576945 h 4364181"/>
              <a:gd name="connsiteX43" fmla="*/ 171375 w 2634020"/>
              <a:gd name="connsiteY43" fmla="*/ 2639291 h 4364181"/>
              <a:gd name="connsiteX44" fmla="*/ 202547 w 2634020"/>
              <a:gd name="connsiteY44" fmla="*/ 2722418 h 4364181"/>
              <a:gd name="connsiteX45" fmla="*/ 244111 w 2634020"/>
              <a:gd name="connsiteY45" fmla="*/ 2805545 h 4364181"/>
              <a:gd name="connsiteX46" fmla="*/ 296066 w 2634020"/>
              <a:gd name="connsiteY46" fmla="*/ 2930236 h 4364181"/>
              <a:gd name="connsiteX47" fmla="*/ 337629 w 2634020"/>
              <a:gd name="connsiteY47" fmla="*/ 3034145 h 4364181"/>
              <a:gd name="connsiteX48" fmla="*/ 348020 w 2634020"/>
              <a:gd name="connsiteY48" fmla="*/ 3491345 h 4364181"/>
              <a:gd name="connsiteX49" fmla="*/ 368802 w 2634020"/>
              <a:gd name="connsiteY49" fmla="*/ 3564081 h 4364181"/>
              <a:gd name="connsiteX50" fmla="*/ 399975 w 2634020"/>
              <a:gd name="connsiteY50" fmla="*/ 3678381 h 4364181"/>
              <a:gd name="connsiteX51" fmla="*/ 420757 w 2634020"/>
              <a:gd name="connsiteY51" fmla="*/ 3761509 h 4364181"/>
              <a:gd name="connsiteX52" fmla="*/ 431147 w 2634020"/>
              <a:gd name="connsiteY52" fmla="*/ 3803072 h 4364181"/>
              <a:gd name="connsiteX53" fmla="*/ 451929 w 2634020"/>
              <a:gd name="connsiteY53" fmla="*/ 3865418 h 4364181"/>
              <a:gd name="connsiteX54" fmla="*/ 462320 w 2634020"/>
              <a:gd name="connsiteY54" fmla="*/ 3906981 h 4364181"/>
              <a:gd name="connsiteX55" fmla="*/ 514275 w 2634020"/>
              <a:gd name="connsiteY55" fmla="*/ 3990109 h 4364181"/>
              <a:gd name="connsiteX56" fmla="*/ 566229 w 2634020"/>
              <a:gd name="connsiteY56" fmla="*/ 4052454 h 4364181"/>
              <a:gd name="connsiteX57" fmla="*/ 607793 w 2634020"/>
              <a:gd name="connsiteY57" fmla="*/ 4114800 h 4364181"/>
              <a:gd name="connsiteX58" fmla="*/ 618184 w 2634020"/>
              <a:gd name="connsiteY58" fmla="*/ 4145972 h 4364181"/>
              <a:gd name="connsiteX59" fmla="*/ 701311 w 2634020"/>
              <a:gd name="connsiteY59" fmla="*/ 4187536 h 4364181"/>
              <a:gd name="connsiteX60" fmla="*/ 784438 w 2634020"/>
              <a:gd name="connsiteY60" fmla="*/ 4281054 h 4364181"/>
              <a:gd name="connsiteX61" fmla="*/ 826002 w 2634020"/>
              <a:gd name="connsiteY61" fmla="*/ 4312227 h 4364181"/>
              <a:gd name="connsiteX62" fmla="*/ 898738 w 2634020"/>
              <a:gd name="connsiteY62" fmla="*/ 4353791 h 4364181"/>
              <a:gd name="connsiteX63" fmla="*/ 929911 w 2634020"/>
              <a:gd name="connsiteY63" fmla="*/ 4364181 h 4364181"/>
              <a:gd name="connsiteX64" fmla="*/ 1168902 w 2634020"/>
              <a:gd name="connsiteY64" fmla="*/ 4353791 h 4364181"/>
              <a:gd name="connsiteX65" fmla="*/ 1200075 w 2634020"/>
              <a:gd name="connsiteY65" fmla="*/ 4343400 h 4364181"/>
              <a:gd name="connsiteX66" fmla="*/ 1231247 w 2634020"/>
              <a:gd name="connsiteY66" fmla="*/ 4322618 h 4364181"/>
              <a:gd name="connsiteX67" fmla="*/ 1335157 w 2634020"/>
              <a:gd name="connsiteY67" fmla="*/ 4229100 h 4364181"/>
              <a:gd name="connsiteX68" fmla="*/ 1376720 w 2634020"/>
              <a:gd name="connsiteY68" fmla="*/ 4197927 h 4364181"/>
              <a:gd name="connsiteX69" fmla="*/ 1418284 w 2634020"/>
              <a:gd name="connsiteY69" fmla="*/ 4156363 h 4364181"/>
              <a:gd name="connsiteX70" fmla="*/ 1501411 w 2634020"/>
              <a:gd name="connsiteY70" fmla="*/ 4094018 h 4364181"/>
              <a:gd name="connsiteX71" fmla="*/ 1553366 w 2634020"/>
              <a:gd name="connsiteY71" fmla="*/ 4052454 h 4364181"/>
              <a:gd name="connsiteX72" fmla="*/ 1594929 w 2634020"/>
              <a:gd name="connsiteY72" fmla="*/ 4000500 h 4364181"/>
              <a:gd name="connsiteX73" fmla="*/ 1636493 w 2634020"/>
              <a:gd name="connsiteY73" fmla="*/ 3958936 h 4364181"/>
              <a:gd name="connsiteX74" fmla="*/ 1657275 w 2634020"/>
              <a:gd name="connsiteY74" fmla="*/ 3927763 h 4364181"/>
              <a:gd name="connsiteX75" fmla="*/ 1730011 w 2634020"/>
              <a:gd name="connsiteY75" fmla="*/ 3855027 h 4364181"/>
              <a:gd name="connsiteX76" fmla="*/ 1761184 w 2634020"/>
              <a:gd name="connsiteY76" fmla="*/ 3792681 h 4364181"/>
              <a:gd name="connsiteX77" fmla="*/ 1771575 w 2634020"/>
              <a:gd name="connsiteY77" fmla="*/ 3740727 h 4364181"/>
              <a:gd name="connsiteX78" fmla="*/ 1792357 w 2634020"/>
              <a:gd name="connsiteY78" fmla="*/ 3709554 h 4364181"/>
              <a:gd name="connsiteX79" fmla="*/ 1823529 w 2634020"/>
              <a:gd name="connsiteY79" fmla="*/ 3647209 h 4364181"/>
              <a:gd name="connsiteX80" fmla="*/ 1833920 w 2634020"/>
              <a:gd name="connsiteY80" fmla="*/ 3605645 h 4364181"/>
              <a:gd name="connsiteX81" fmla="*/ 1854702 w 2634020"/>
              <a:gd name="connsiteY81" fmla="*/ 3553691 h 4364181"/>
              <a:gd name="connsiteX82" fmla="*/ 1875484 w 2634020"/>
              <a:gd name="connsiteY82" fmla="*/ 3470563 h 4364181"/>
              <a:gd name="connsiteX83" fmla="*/ 1885875 w 2634020"/>
              <a:gd name="connsiteY83" fmla="*/ 3429000 h 4364181"/>
              <a:gd name="connsiteX84" fmla="*/ 1927438 w 2634020"/>
              <a:gd name="connsiteY84" fmla="*/ 3314700 h 4364181"/>
              <a:gd name="connsiteX85" fmla="*/ 1979393 w 2634020"/>
              <a:gd name="connsiteY85" fmla="*/ 3179618 h 4364181"/>
              <a:gd name="connsiteX86" fmla="*/ 2020957 w 2634020"/>
              <a:gd name="connsiteY86" fmla="*/ 3075709 h 4364181"/>
              <a:gd name="connsiteX87" fmla="*/ 2072911 w 2634020"/>
              <a:gd name="connsiteY87" fmla="*/ 2982191 h 4364181"/>
              <a:gd name="connsiteX88" fmla="*/ 2135257 w 2634020"/>
              <a:gd name="connsiteY88" fmla="*/ 2878281 h 4364181"/>
              <a:gd name="connsiteX89" fmla="*/ 2156038 w 2634020"/>
              <a:gd name="connsiteY89" fmla="*/ 2815936 h 4364181"/>
              <a:gd name="connsiteX90" fmla="*/ 2187211 w 2634020"/>
              <a:gd name="connsiteY90" fmla="*/ 2763981 h 4364181"/>
              <a:gd name="connsiteX91" fmla="*/ 2207993 w 2634020"/>
              <a:gd name="connsiteY91" fmla="*/ 2712027 h 4364181"/>
              <a:gd name="connsiteX92" fmla="*/ 2239166 w 2634020"/>
              <a:gd name="connsiteY92" fmla="*/ 2649681 h 4364181"/>
              <a:gd name="connsiteX93" fmla="*/ 2259947 w 2634020"/>
              <a:gd name="connsiteY93" fmla="*/ 2576945 h 4364181"/>
              <a:gd name="connsiteX94" fmla="*/ 2291120 w 2634020"/>
              <a:gd name="connsiteY94" fmla="*/ 2483427 h 4364181"/>
              <a:gd name="connsiteX95" fmla="*/ 2353466 w 2634020"/>
              <a:gd name="connsiteY95" fmla="*/ 2275609 h 4364181"/>
              <a:gd name="connsiteX96" fmla="*/ 2384638 w 2634020"/>
              <a:gd name="connsiteY96" fmla="*/ 2171700 h 4364181"/>
              <a:gd name="connsiteX97" fmla="*/ 2446984 w 2634020"/>
              <a:gd name="connsiteY97" fmla="*/ 1984663 h 4364181"/>
              <a:gd name="connsiteX98" fmla="*/ 2467766 w 2634020"/>
              <a:gd name="connsiteY98" fmla="*/ 1901536 h 4364181"/>
              <a:gd name="connsiteX99" fmla="*/ 2509329 w 2634020"/>
              <a:gd name="connsiteY99" fmla="*/ 1787236 h 4364181"/>
              <a:gd name="connsiteX100" fmla="*/ 2530111 w 2634020"/>
              <a:gd name="connsiteY100" fmla="*/ 1714500 h 4364181"/>
              <a:gd name="connsiteX101" fmla="*/ 2571675 w 2634020"/>
              <a:gd name="connsiteY101" fmla="*/ 1589809 h 4364181"/>
              <a:gd name="connsiteX102" fmla="*/ 2613238 w 2634020"/>
              <a:gd name="connsiteY102" fmla="*/ 1485900 h 4364181"/>
              <a:gd name="connsiteX103" fmla="*/ 2634020 w 2634020"/>
              <a:gd name="connsiteY103" fmla="*/ 1423554 h 4364181"/>
              <a:gd name="connsiteX104" fmla="*/ 2498938 w 2634020"/>
              <a:gd name="connsiteY104" fmla="*/ 1163781 h 4364181"/>
              <a:gd name="connsiteX105" fmla="*/ 2301511 w 2634020"/>
              <a:gd name="connsiteY105" fmla="*/ 665018 h 4364181"/>
              <a:gd name="connsiteX106" fmla="*/ 2249557 w 2634020"/>
              <a:gd name="connsiteY106" fmla="*/ 529936 h 4364181"/>
              <a:gd name="connsiteX107" fmla="*/ 2187211 w 2634020"/>
              <a:gd name="connsiteY107" fmla="*/ 280554 h 4364181"/>
              <a:gd name="connsiteX108" fmla="*/ 2135257 w 2634020"/>
              <a:gd name="connsiteY108" fmla="*/ 124691 h 4364181"/>
              <a:gd name="connsiteX109" fmla="*/ 2104084 w 2634020"/>
              <a:gd name="connsiteY109" fmla="*/ 31172 h 4364181"/>
              <a:gd name="connsiteX110" fmla="*/ 2093693 w 2634020"/>
              <a:gd name="connsiteY110" fmla="*/ 0 h 4364181"/>
              <a:gd name="connsiteX111" fmla="*/ 2020957 w 2634020"/>
              <a:gd name="connsiteY111" fmla="*/ 20781 h 4364181"/>
              <a:gd name="connsiteX112" fmla="*/ 1989784 w 2634020"/>
              <a:gd name="connsiteY112" fmla="*/ 31172 h 4364181"/>
              <a:gd name="connsiteX113" fmla="*/ 1885875 w 2634020"/>
              <a:gd name="connsiteY113" fmla="*/ 93518 h 4364181"/>
              <a:gd name="connsiteX114" fmla="*/ 1792357 w 2634020"/>
              <a:gd name="connsiteY114" fmla="*/ 166254 h 4364181"/>
              <a:gd name="connsiteX115" fmla="*/ 1761184 w 2634020"/>
              <a:gd name="connsiteY115" fmla="*/ 187036 h 4364181"/>
              <a:gd name="connsiteX116" fmla="*/ 1584538 w 2634020"/>
              <a:gd name="connsiteY116" fmla="*/ 197427 h 4364181"/>
              <a:gd name="connsiteX117" fmla="*/ 1553366 w 2634020"/>
              <a:gd name="connsiteY117" fmla="*/ 207818 h 4364181"/>
              <a:gd name="connsiteX118" fmla="*/ 1511802 w 2634020"/>
              <a:gd name="connsiteY118" fmla="*/ 218209 h 4364181"/>
              <a:gd name="connsiteX119" fmla="*/ 1449457 w 2634020"/>
              <a:gd name="connsiteY119" fmla="*/ 238991 h 4364181"/>
              <a:gd name="connsiteX120" fmla="*/ 1407893 w 2634020"/>
              <a:gd name="connsiteY120" fmla="*/ 228600 h 4364181"/>
              <a:gd name="connsiteX121" fmla="*/ 1387111 w 2634020"/>
              <a:gd name="connsiteY121" fmla="*/ 197427 h 4364181"/>
              <a:gd name="connsiteX122" fmla="*/ 1324766 w 2634020"/>
              <a:gd name="connsiteY122" fmla="*/ 238991 h 4364181"/>
              <a:gd name="connsiteX123" fmla="*/ 1303984 w 2634020"/>
              <a:gd name="connsiteY123" fmla="*/ 207818 h 4364181"/>
              <a:gd name="connsiteX124" fmla="*/ 1324766 w 2634020"/>
              <a:gd name="connsiteY124" fmla="*/ 176645 h 4364181"/>
              <a:gd name="connsiteX125" fmla="*/ 1387111 w 2634020"/>
              <a:gd name="connsiteY125" fmla="*/ 155863 h 4364181"/>
              <a:gd name="connsiteX126" fmla="*/ 1428675 w 2634020"/>
              <a:gd name="connsiteY126" fmla="*/ 166254 h 4364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</a:cxnLst>
            <a:rect l="l" t="t" r="r" b="b"/>
            <a:pathLst>
              <a:path w="2634020" h="4364181">
                <a:moveTo>
                  <a:pt x="1428675" y="166254"/>
                </a:moveTo>
                <a:cubicBezTo>
                  <a:pt x="1394039" y="176645"/>
                  <a:pt x="1358341" y="183997"/>
                  <a:pt x="1324766" y="197427"/>
                </a:cubicBezTo>
                <a:cubicBezTo>
                  <a:pt x="1265981" y="220941"/>
                  <a:pt x="1282893" y="225393"/>
                  <a:pt x="1241638" y="259772"/>
                </a:cubicBezTo>
                <a:cubicBezTo>
                  <a:pt x="1232044" y="267767"/>
                  <a:pt x="1220857" y="273627"/>
                  <a:pt x="1210466" y="280554"/>
                </a:cubicBezTo>
                <a:cubicBezTo>
                  <a:pt x="1196611" y="301336"/>
                  <a:pt x="1181753" y="321483"/>
                  <a:pt x="1168902" y="342900"/>
                </a:cubicBezTo>
                <a:cubicBezTo>
                  <a:pt x="1111849" y="437987"/>
                  <a:pt x="1189307" y="329547"/>
                  <a:pt x="1116947" y="426027"/>
                </a:cubicBezTo>
                <a:cubicBezTo>
                  <a:pt x="1094453" y="516012"/>
                  <a:pt x="1121998" y="418597"/>
                  <a:pt x="1085775" y="509154"/>
                </a:cubicBezTo>
                <a:cubicBezTo>
                  <a:pt x="1064682" y="561886"/>
                  <a:pt x="1065037" y="571278"/>
                  <a:pt x="1054602" y="623454"/>
                </a:cubicBezTo>
                <a:cubicBezTo>
                  <a:pt x="1051138" y="658090"/>
                  <a:pt x="1046197" y="692611"/>
                  <a:pt x="1044211" y="727363"/>
                </a:cubicBezTo>
                <a:cubicBezTo>
                  <a:pt x="1039267" y="813882"/>
                  <a:pt x="1039063" y="900634"/>
                  <a:pt x="1033820" y="987136"/>
                </a:cubicBezTo>
                <a:cubicBezTo>
                  <a:pt x="1032131" y="1015009"/>
                  <a:pt x="1027378" y="1042619"/>
                  <a:pt x="1023429" y="1070263"/>
                </a:cubicBezTo>
                <a:cubicBezTo>
                  <a:pt x="1014936" y="1129712"/>
                  <a:pt x="1015270" y="1123681"/>
                  <a:pt x="1002647" y="1174172"/>
                </a:cubicBezTo>
                <a:cubicBezTo>
                  <a:pt x="1006111" y="1257299"/>
                  <a:pt x="1006892" y="1340582"/>
                  <a:pt x="1013038" y="1423554"/>
                </a:cubicBezTo>
                <a:cubicBezTo>
                  <a:pt x="1013847" y="1434477"/>
                  <a:pt x="1017995" y="1445217"/>
                  <a:pt x="1023429" y="1454727"/>
                </a:cubicBezTo>
                <a:cubicBezTo>
                  <a:pt x="1032021" y="1469764"/>
                  <a:pt x="1042900" y="1483525"/>
                  <a:pt x="1054602" y="1496291"/>
                </a:cubicBezTo>
                <a:cubicBezTo>
                  <a:pt x="1081081" y="1525177"/>
                  <a:pt x="1110020" y="1551709"/>
                  <a:pt x="1137729" y="1579418"/>
                </a:cubicBezTo>
                <a:cubicBezTo>
                  <a:pt x="1148120" y="1589809"/>
                  <a:pt x="1160085" y="1598835"/>
                  <a:pt x="1168902" y="1610591"/>
                </a:cubicBezTo>
                <a:cubicBezTo>
                  <a:pt x="1179293" y="1624445"/>
                  <a:pt x="1190469" y="1637744"/>
                  <a:pt x="1200075" y="1652154"/>
                </a:cubicBezTo>
                <a:cubicBezTo>
                  <a:pt x="1211278" y="1668958"/>
                  <a:pt x="1220404" y="1687070"/>
                  <a:pt x="1231247" y="1704109"/>
                </a:cubicBezTo>
                <a:cubicBezTo>
                  <a:pt x="1263567" y="1754898"/>
                  <a:pt x="1272703" y="1759274"/>
                  <a:pt x="1293593" y="1808018"/>
                </a:cubicBezTo>
                <a:cubicBezTo>
                  <a:pt x="1297908" y="1818085"/>
                  <a:pt x="1300975" y="1828659"/>
                  <a:pt x="1303984" y="1839191"/>
                </a:cubicBezTo>
                <a:cubicBezTo>
                  <a:pt x="1307907" y="1852922"/>
                  <a:pt x="1308749" y="1867628"/>
                  <a:pt x="1314375" y="1880754"/>
                </a:cubicBezTo>
                <a:cubicBezTo>
                  <a:pt x="1319294" y="1892233"/>
                  <a:pt x="1328230" y="1901536"/>
                  <a:pt x="1335157" y="1911927"/>
                </a:cubicBezTo>
                <a:cubicBezTo>
                  <a:pt x="1338620" y="1932709"/>
                  <a:pt x="1341415" y="1953613"/>
                  <a:pt x="1345547" y="1974272"/>
                </a:cubicBezTo>
                <a:cubicBezTo>
                  <a:pt x="1348348" y="1988276"/>
                  <a:pt x="1355938" y="2001555"/>
                  <a:pt x="1355938" y="2015836"/>
                </a:cubicBezTo>
                <a:cubicBezTo>
                  <a:pt x="1355938" y="2058534"/>
                  <a:pt x="1347306" y="2091518"/>
                  <a:pt x="1314375" y="2119745"/>
                </a:cubicBezTo>
                <a:cubicBezTo>
                  <a:pt x="1292001" y="2138923"/>
                  <a:pt x="1258370" y="2144137"/>
                  <a:pt x="1231247" y="2150918"/>
                </a:cubicBezTo>
                <a:cubicBezTo>
                  <a:pt x="1193147" y="2147454"/>
                  <a:pt x="1154622" y="2147176"/>
                  <a:pt x="1116947" y="2140527"/>
                </a:cubicBezTo>
                <a:cubicBezTo>
                  <a:pt x="1095375" y="2136720"/>
                  <a:pt x="1054602" y="2119745"/>
                  <a:pt x="1054602" y="2119745"/>
                </a:cubicBezTo>
                <a:cubicBezTo>
                  <a:pt x="1018887" y="2126888"/>
                  <a:pt x="995326" y="2130743"/>
                  <a:pt x="961084" y="2140527"/>
                </a:cubicBezTo>
                <a:cubicBezTo>
                  <a:pt x="936007" y="2147692"/>
                  <a:pt x="914924" y="2158356"/>
                  <a:pt x="888347" y="2161309"/>
                </a:cubicBezTo>
                <a:cubicBezTo>
                  <a:pt x="839093" y="2166782"/>
                  <a:pt x="603280" y="2179911"/>
                  <a:pt x="566229" y="2182091"/>
                </a:cubicBezTo>
                <a:cubicBezTo>
                  <a:pt x="441538" y="2178627"/>
                  <a:pt x="316579" y="2180587"/>
                  <a:pt x="192157" y="2171700"/>
                </a:cubicBezTo>
                <a:cubicBezTo>
                  <a:pt x="170307" y="2170139"/>
                  <a:pt x="150593" y="2157845"/>
                  <a:pt x="129811" y="2150918"/>
                </a:cubicBezTo>
                <a:lnTo>
                  <a:pt x="98638" y="2140527"/>
                </a:lnTo>
                <a:lnTo>
                  <a:pt x="67466" y="2130136"/>
                </a:lnTo>
                <a:lnTo>
                  <a:pt x="5120" y="2140527"/>
                </a:lnTo>
                <a:cubicBezTo>
                  <a:pt x="-11474" y="2180352"/>
                  <a:pt x="16788" y="2250822"/>
                  <a:pt x="25902" y="2296391"/>
                </a:cubicBezTo>
                <a:cubicBezTo>
                  <a:pt x="30034" y="2317050"/>
                  <a:pt x="31183" y="2338297"/>
                  <a:pt x="36293" y="2358736"/>
                </a:cubicBezTo>
                <a:cubicBezTo>
                  <a:pt x="41606" y="2379988"/>
                  <a:pt x="50148" y="2400299"/>
                  <a:pt x="57075" y="2421081"/>
                </a:cubicBezTo>
                <a:cubicBezTo>
                  <a:pt x="60539" y="2431472"/>
                  <a:pt x="61391" y="2443140"/>
                  <a:pt x="67466" y="2452254"/>
                </a:cubicBezTo>
                <a:cubicBezTo>
                  <a:pt x="89753" y="2485686"/>
                  <a:pt x="91451" y="2485442"/>
                  <a:pt x="109029" y="2524991"/>
                </a:cubicBezTo>
                <a:cubicBezTo>
                  <a:pt x="116604" y="2542035"/>
                  <a:pt x="120879" y="2560570"/>
                  <a:pt x="129811" y="2576945"/>
                </a:cubicBezTo>
                <a:cubicBezTo>
                  <a:pt x="141771" y="2598872"/>
                  <a:pt x="160205" y="2616951"/>
                  <a:pt x="171375" y="2639291"/>
                </a:cubicBezTo>
                <a:cubicBezTo>
                  <a:pt x="184609" y="2665760"/>
                  <a:pt x="190686" y="2695306"/>
                  <a:pt x="202547" y="2722418"/>
                </a:cubicBezTo>
                <a:cubicBezTo>
                  <a:pt x="214964" y="2750800"/>
                  <a:pt x="231398" y="2777294"/>
                  <a:pt x="244111" y="2805545"/>
                </a:cubicBezTo>
                <a:cubicBezTo>
                  <a:pt x="262589" y="2846606"/>
                  <a:pt x="275930" y="2889962"/>
                  <a:pt x="296066" y="2930236"/>
                </a:cubicBezTo>
                <a:cubicBezTo>
                  <a:pt x="326643" y="2991393"/>
                  <a:pt x="311949" y="2957105"/>
                  <a:pt x="337629" y="3034145"/>
                </a:cubicBezTo>
                <a:cubicBezTo>
                  <a:pt x="341093" y="3186545"/>
                  <a:pt x="339068" y="3339169"/>
                  <a:pt x="348020" y="3491345"/>
                </a:cubicBezTo>
                <a:cubicBezTo>
                  <a:pt x="349501" y="3516517"/>
                  <a:pt x="363132" y="3539511"/>
                  <a:pt x="368802" y="3564081"/>
                </a:cubicBezTo>
                <a:cubicBezTo>
                  <a:pt x="425335" y="3809056"/>
                  <a:pt x="333233" y="3461472"/>
                  <a:pt x="399975" y="3678381"/>
                </a:cubicBezTo>
                <a:cubicBezTo>
                  <a:pt x="408375" y="3705680"/>
                  <a:pt x="413830" y="3733800"/>
                  <a:pt x="420757" y="3761509"/>
                </a:cubicBezTo>
                <a:cubicBezTo>
                  <a:pt x="424220" y="3775363"/>
                  <a:pt x="426631" y="3789524"/>
                  <a:pt x="431147" y="3803072"/>
                </a:cubicBezTo>
                <a:cubicBezTo>
                  <a:pt x="438074" y="3823854"/>
                  <a:pt x="446616" y="3844166"/>
                  <a:pt x="451929" y="3865418"/>
                </a:cubicBezTo>
                <a:cubicBezTo>
                  <a:pt x="455393" y="3879272"/>
                  <a:pt x="457306" y="3893610"/>
                  <a:pt x="462320" y="3906981"/>
                </a:cubicBezTo>
                <a:cubicBezTo>
                  <a:pt x="482066" y="3959637"/>
                  <a:pt x="483625" y="3941070"/>
                  <a:pt x="514275" y="3990109"/>
                </a:cubicBezTo>
                <a:cubicBezTo>
                  <a:pt x="551942" y="4050375"/>
                  <a:pt x="513059" y="4017006"/>
                  <a:pt x="566229" y="4052454"/>
                </a:cubicBezTo>
                <a:cubicBezTo>
                  <a:pt x="590936" y="4126574"/>
                  <a:pt x="555903" y="4036967"/>
                  <a:pt x="607793" y="4114800"/>
                </a:cubicBezTo>
                <a:cubicBezTo>
                  <a:pt x="613869" y="4123913"/>
                  <a:pt x="612108" y="4136859"/>
                  <a:pt x="618184" y="4145972"/>
                </a:cubicBezTo>
                <a:cubicBezTo>
                  <a:pt x="645053" y="4186275"/>
                  <a:pt x="655129" y="4178299"/>
                  <a:pt x="701311" y="4187536"/>
                </a:cubicBezTo>
                <a:cubicBezTo>
                  <a:pt x="724082" y="4214861"/>
                  <a:pt x="755101" y="4255908"/>
                  <a:pt x="784438" y="4281054"/>
                </a:cubicBezTo>
                <a:cubicBezTo>
                  <a:pt x="797587" y="4292325"/>
                  <a:pt x="811909" y="4302161"/>
                  <a:pt x="826002" y="4312227"/>
                </a:cubicBezTo>
                <a:cubicBezTo>
                  <a:pt x="852088" y="4330860"/>
                  <a:pt x="868300" y="4340746"/>
                  <a:pt x="898738" y="4353791"/>
                </a:cubicBezTo>
                <a:cubicBezTo>
                  <a:pt x="908805" y="4358106"/>
                  <a:pt x="919520" y="4360718"/>
                  <a:pt x="929911" y="4364181"/>
                </a:cubicBezTo>
                <a:cubicBezTo>
                  <a:pt x="1009575" y="4360718"/>
                  <a:pt x="1089398" y="4359906"/>
                  <a:pt x="1168902" y="4353791"/>
                </a:cubicBezTo>
                <a:cubicBezTo>
                  <a:pt x="1179823" y="4352951"/>
                  <a:pt x="1190278" y="4348298"/>
                  <a:pt x="1200075" y="4343400"/>
                </a:cubicBezTo>
                <a:cubicBezTo>
                  <a:pt x="1211245" y="4337815"/>
                  <a:pt x="1221257" y="4330111"/>
                  <a:pt x="1231247" y="4322618"/>
                </a:cubicBezTo>
                <a:cubicBezTo>
                  <a:pt x="1325736" y="4251751"/>
                  <a:pt x="1241669" y="4312200"/>
                  <a:pt x="1335157" y="4229100"/>
                </a:cubicBezTo>
                <a:cubicBezTo>
                  <a:pt x="1348101" y="4217595"/>
                  <a:pt x="1363687" y="4209331"/>
                  <a:pt x="1376720" y="4197927"/>
                </a:cubicBezTo>
                <a:cubicBezTo>
                  <a:pt x="1391466" y="4185025"/>
                  <a:pt x="1403232" y="4168906"/>
                  <a:pt x="1418284" y="4156363"/>
                </a:cubicBezTo>
                <a:cubicBezTo>
                  <a:pt x="1444892" y="4134189"/>
                  <a:pt x="1473957" y="4115136"/>
                  <a:pt x="1501411" y="4094018"/>
                </a:cubicBezTo>
                <a:cubicBezTo>
                  <a:pt x="1518990" y="4080496"/>
                  <a:pt x="1539511" y="4069772"/>
                  <a:pt x="1553366" y="4052454"/>
                </a:cubicBezTo>
                <a:cubicBezTo>
                  <a:pt x="1567220" y="4035136"/>
                  <a:pt x="1580195" y="4017076"/>
                  <a:pt x="1594929" y="4000500"/>
                </a:cubicBezTo>
                <a:cubicBezTo>
                  <a:pt x="1607946" y="3985856"/>
                  <a:pt x="1623742" y="3973812"/>
                  <a:pt x="1636493" y="3958936"/>
                </a:cubicBezTo>
                <a:cubicBezTo>
                  <a:pt x="1644620" y="3949454"/>
                  <a:pt x="1648444" y="3936594"/>
                  <a:pt x="1657275" y="3927763"/>
                </a:cubicBezTo>
                <a:cubicBezTo>
                  <a:pt x="1740403" y="3844635"/>
                  <a:pt x="1660737" y="3952011"/>
                  <a:pt x="1730011" y="3855027"/>
                </a:cubicBezTo>
                <a:cubicBezTo>
                  <a:pt x="1749547" y="3827676"/>
                  <a:pt x="1753265" y="3824356"/>
                  <a:pt x="1761184" y="3792681"/>
                </a:cubicBezTo>
                <a:cubicBezTo>
                  <a:pt x="1765467" y="3775547"/>
                  <a:pt x="1765374" y="3757263"/>
                  <a:pt x="1771575" y="3740727"/>
                </a:cubicBezTo>
                <a:cubicBezTo>
                  <a:pt x="1775960" y="3729034"/>
                  <a:pt x="1785430" y="3719945"/>
                  <a:pt x="1792357" y="3709554"/>
                </a:cubicBezTo>
                <a:cubicBezTo>
                  <a:pt x="1836127" y="3578230"/>
                  <a:pt x="1763115" y="3788174"/>
                  <a:pt x="1823529" y="3647209"/>
                </a:cubicBezTo>
                <a:cubicBezTo>
                  <a:pt x="1829155" y="3634083"/>
                  <a:pt x="1829404" y="3619193"/>
                  <a:pt x="1833920" y="3605645"/>
                </a:cubicBezTo>
                <a:cubicBezTo>
                  <a:pt x="1839818" y="3587950"/>
                  <a:pt x="1849217" y="3571518"/>
                  <a:pt x="1854702" y="3553691"/>
                </a:cubicBezTo>
                <a:cubicBezTo>
                  <a:pt x="1863102" y="3526392"/>
                  <a:pt x="1868557" y="3498272"/>
                  <a:pt x="1875484" y="3470563"/>
                </a:cubicBezTo>
                <a:cubicBezTo>
                  <a:pt x="1878948" y="3456709"/>
                  <a:pt x="1880571" y="3442259"/>
                  <a:pt x="1885875" y="3429000"/>
                </a:cubicBezTo>
                <a:cubicBezTo>
                  <a:pt x="1907222" y="3375632"/>
                  <a:pt x="1909650" y="3372513"/>
                  <a:pt x="1927438" y="3314700"/>
                </a:cubicBezTo>
                <a:cubicBezTo>
                  <a:pt x="1975293" y="3159168"/>
                  <a:pt x="1917879" y="3320221"/>
                  <a:pt x="1979393" y="3179618"/>
                </a:cubicBezTo>
                <a:cubicBezTo>
                  <a:pt x="1994346" y="3145441"/>
                  <a:pt x="1998575" y="3105553"/>
                  <a:pt x="2020957" y="3075709"/>
                </a:cubicBezTo>
                <a:cubicBezTo>
                  <a:pt x="2092476" y="2980347"/>
                  <a:pt x="2014295" y="3092095"/>
                  <a:pt x="2072911" y="2982191"/>
                </a:cubicBezTo>
                <a:cubicBezTo>
                  <a:pt x="2091920" y="2946550"/>
                  <a:pt x="2122484" y="2916601"/>
                  <a:pt x="2135257" y="2878281"/>
                </a:cubicBezTo>
                <a:cubicBezTo>
                  <a:pt x="2142184" y="2857499"/>
                  <a:pt x="2146973" y="2835878"/>
                  <a:pt x="2156038" y="2815936"/>
                </a:cubicBezTo>
                <a:cubicBezTo>
                  <a:pt x="2164395" y="2797550"/>
                  <a:pt x="2178179" y="2782045"/>
                  <a:pt x="2187211" y="2763981"/>
                </a:cubicBezTo>
                <a:cubicBezTo>
                  <a:pt x="2195553" y="2747298"/>
                  <a:pt x="2200275" y="2729007"/>
                  <a:pt x="2207993" y="2712027"/>
                </a:cubicBezTo>
                <a:cubicBezTo>
                  <a:pt x="2217608" y="2690875"/>
                  <a:pt x="2230825" y="2671367"/>
                  <a:pt x="2239166" y="2649681"/>
                </a:cubicBezTo>
                <a:cubicBezTo>
                  <a:pt x="2248218" y="2626146"/>
                  <a:pt x="2252426" y="2601013"/>
                  <a:pt x="2259947" y="2576945"/>
                </a:cubicBezTo>
                <a:cubicBezTo>
                  <a:pt x="2269748" y="2545582"/>
                  <a:pt x="2281381" y="2514809"/>
                  <a:pt x="2291120" y="2483427"/>
                </a:cubicBezTo>
                <a:cubicBezTo>
                  <a:pt x="2312557" y="2414354"/>
                  <a:pt x="2332684" y="2344882"/>
                  <a:pt x="2353466" y="2275609"/>
                </a:cubicBezTo>
                <a:cubicBezTo>
                  <a:pt x="2363857" y="2240973"/>
                  <a:pt x="2373203" y="2206006"/>
                  <a:pt x="2384638" y="2171700"/>
                </a:cubicBezTo>
                <a:cubicBezTo>
                  <a:pt x="2405420" y="2109354"/>
                  <a:pt x="2431045" y="2048419"/>
                  <a:pt x="2446984" y="1984663"/>
                </a:cubicBezTo>
                <a:cubicBezTo>
                  <a:pt x="2453911" y="1956954"/>
                  <a:pt x="2459920" y="1928999"/>
                  <a:pt x="2467766" y="1901536"/>
                </a:cubicBezTo>
                <a:cubicBezTo>
                  <a:pt x="2501728" y="1782668"/>
                  <a:pt x="2474210" y="1892591"/>
                  <a:pt x="2509329" y="1787236"/>
                </a:cubicBezTo>
                <a:cubicBezTo>
                  <a:pt x="2517303" y="1763314"/>
                  <a:pt x="2522518" y="1738545"/>
                  <a:pt x="2530111" y="1714500"/>
                </a:cubicBezTo>
                <a:cubicBezTo>
                  <a:pt x="2543304" y="1672722"/>
                  <a:pt x="2555404" y="1630487"/>
                  <a:pt x="2571675" y="1589809"/>
                </a:cubicBezTo>
                <a:cubicBezTo>
                  <a:pt x="2585529" y="1555173"/>
                  <a:pt x="2601441" y="1521290"/>
                  <a:pt x="2613238" y="1485900"/>
                </a:cubicBezTo>
                <a:lnTo>
                  <a:pt x="2634020" y="1423554"/>
                </a:lnTo>
                <a:cubicBezTo>
                  <a:pt x="2572371" y="1331081"/>
                  <a:pt x="2575228" y="1338159"/>
                  <a:pt x="2498938" y="1163781"/>
                </a:cubicBezTo>
                <a:cubicBezTo>
                  <a:pt x="2374711" y="879834"/>
                  <a:pt x="2455356" y="1072256"/>
                  <a:pt x="2301511" y="665018"/>
                </a:cubicBezTo>
                <a:cubicBezTo>
                  <a:pt x="2284462" y="619888"/>
                  <a:pt x="2260405" y="576943"/>
                  <a:pt x="2249557" y="529936"/>
                </a:cubicBezTo>
                <a:cubicBezTo>
                  <a:pt x="2229005" y="440876"/>
                  <a:pt x="2213878" y="367221"/>
                  <a:pt x="2187211" y="280554"/>
                </a:cubicBezTo>
                <a:cubicBezTo>
                  <a:pt x="2171106" y="228211"/>
                  <a:pt x="2152575" y="176645"/>
                  <a:pt x="2135257" y="124691"/>
                </a:cubicBezTo>
                <a:lnTo>
                  <a:pt x="2104084" y="31172"/>
                </a:lnTo>
                <a:lnTo>
                  <a:pt x="2093693" y="0"/>
                </a:lnTo>
                <a:lnTo>
                  <a:pt x="2020957" y="20781"/>
                </a:lnTo>
                <a:cubicBezTo>
                  <a:pt x="2010466" y="23928"/>
                  <a:pt x="1999851" y="26857"/>
                  <a:pt x="1989784" y="31172"/>
                </a:cubicBezTo>
                <a:cubicBezTo>
                  <a:pt x="1953796" y="46596"/>
                  <a:pt x="1916097" y="70012"/>
                  <a:pt x="1885875" y="93518"/>
                </a:cubicBezTo>
                <a:cubicBezTo>
                  <a:pt x="1854702" y="117763"/>
                  <a:pt x="1825216" y="144348"/>
                  <a:pt x="1792357" y="166254"/>
                </a:cubicBezTo>
                <a:cubicBezTo>
                  <a:pt x="1781966" y="173181"/>
                  <a:pt x="1773534" y="185183"/>
                  <a:pt x="1761184" y="187036"/>
                </a:cubicBezTo>
                <a:cubicBezTo>
                  <a:pt x="1702853" y="195786"/>
                  <a:pt x="1643420" y="193963"/>
                  <a:pt x="1584538" y="197427"/>
                </a:cubicBezTo>
                <a:cubicBezTo>
                  <a:pt x="1574147" y="200891"/>
                  <a:pt x="1563897" y="204809"/>
                  <a:pt x="1553366" y="207818"/>
                </a:cubicBezTo>
                <a:cubicBezTo>
                  <a:pt x="1539634" y="211741"/>
                  <a:pt x="1525481" y="214105"/>
                  <a:pt x="1511802" y="218209"/>
                </a:cubicBezTo>
                <a:cubicBezTo>
                  <a:pt x="1490820" y="224504"/>
                  <a:pt x="1449457" y="238991"/>
                  <a:pt x="1449457" y="238991"/>
                </a:cubicBezTo>
                <a:cubicBezTo>
                  <a:pt x="1435602" y="235527"/>
                  <a:pt x="1419776" y="236522"/>
                  <a:pt x="1407893" y="228600"/>
                </a:cubicBezTo>
                <a:cubicBezTo>
                  <a:pt x="1397502" y="221673"/>
                  <a:pt x="1399503" y="195878"/>
                  <a:pt x="1387111" y="197427"/>
                </a:cubicBezTo>
                <a:cubicBezTo>
                  <a:pt x="1362327" y="200525"/>
                  <a:pt x="1324766" y="238991"/>
                  <a:pt x="1324766" y="238991"/>
                </a:cubicBezTo>
                <a:cubicBezTo>
                  <a:pt x="1317839" y="228600"/>
                  <a:pt x="1303984" y="220306"/>
                  <a:pt x="1303984" y="207818"/>
                </a:cubicBezTo>
                <a:cubicBezTo>
                  <a:pt x="1303984" y="195330"/>
                  <a:pt x="1314176" y="183264"/>
                  <a:pt x="1324766" y="176645"/>
                </a:cubicBezTo>
                <a:cubicBezTo>
                  <a:pt x="1343342" y="165035"/>
                  <a:pt x="1387111" y="133957"/>
                  <a:pt x="1387111" y="155863"/>
                </a:cubicBezTo>
                <a:lnTo>
                  <a:pt x="1428675" y="166254"/>
                </a:lnTo>
                <a:close/>
              </a:path>
            </a:pathLst>
          </a:custGeom>
          <a:solidFill>
            <a:srgbClr val="FFFFFF">
              <a:alpha val="70980"/>
            </a:srgbClr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Freeform 4">
            <a:extLst>
              <a:ext uri="{FF2B5EF4-FFF2-40B4-BE49-F238E27FC236}">
                <a16:creationId xmlns:a16="http://schemas.microsoft.com/office/drawing/2014/main" id="{50803D8B-B6FB-6A53-11C7-CA83BD28D8D1}"/>
              </a:ext>
            </a:extLst>
          </p:cNvPr>
          <p:cNvSpPr/>
          <p:nvPr/>
        </p:nvSpPr>
        <p:spPr bwMode="auto">
          <a:xfrm>
            <a:off x="1053852" y="1601115"/>
            <a:ext cx="5216236" cy="2166788"/>
          </a:xfrm>
          <a:custGeom>
            <a:avLst/>
            <a:gdLst>
              <a:gd name="connsiteX0" fmla="*/ 0 w 5216236"/>
              <a:gd name="connsiteY0" fmla="*/ 0 h 2161309"/>
              <a:gd name="connsiteX1" fmla="*/ 0 w 5216236"/>
              <a:gd name="connsiteY1" fmla="*/ 2161309 h 2161309"/>
              <a:gd name="connsiteX2" fmla="*/ 2098964 w 5216236"/>
              <a:gd name="connsiteY2" fmla="*/ 2161309 h 2161309"/>
              <a:gd name="connsiteX3" fmla="*/ 2098964 w 5216236"/>
              <a:gd name="connsiteY3" fmla="*/ 1049482 h 2161309"/>
              <a:gd name="connsiteX4" fmla="*/ 5216236 w 5216236"/>
              <a:gd name="connsiteY4" fmla="*/ 1049482 h 2161309"/>
              <a:gd name="connsiteX5" fmla="*/ 5216236 w 5216236"/>
              <a:gd name="connsiteY5" fmla="*/ 10391 h 2161309"/>
              <a:gd name="connsiteX6" fmla="*/ 0 w 5216236"/>
              <a:gd name="connsiteY6" fmla="*/ 0 h 2161309"/>
              <a:gd name="connsiteX0" fmla="*/ 0 w 5216236"/>
              <a:gd name="connsiteY0" fmla="*/ 0 h 2161309"/>
              <a:gd name="connsiteX1" fmla="*/ 0 w 5216236"/>
              <a:gd name="connsiteY1" fmla="*/ 2161309 h 2161309"/>
              <a:gd name="connsiteX2" fmla="*/ 2098964 w 5216236"/>
              <a:gd name="connsiteY2" fmla="*/ 2161309 h 2161309"/>
              <a:gd name="connsiteX3" fmla="*/ 2098964 w 5216236"/>
              <a:gd name="connsiteY3" fmla="*/ 1100723 h 2161309"/>
              <a:gd name="connsiteX4" fmla="*/ 5216236 w 5216236"/>
              <a:gd name="connsiteY4" fmla="*/ 1049482 h 2161309"/>
              <a:gd name="connsiteX5" fmla="*/ 5216236 w 5216236"/>
              <a:gd name="connsiteY5" fmla="*/ 10391 h 2161309"/>
              <a:gd name="connsiteX6" fmla="*/ 0 w 5216236"/>
              <a:gd name="connsiteY6" fmla="*/ 0 h 2161309"/>
              <a:gd name="connsiteX0" fmla="*/ 0 w 5216236"/>
              <a:gd name="connsiteY0" fmla="*/ 0 h 2161309"/>
              <a:gd name="connsiteX1" fmla="*/ 0 w 5216236"/>
              <a:gd name="connsiteY1" fmla="*/ 2161309 h 2161309"/>
              <a:gd name="connsiteX2" fmla="*/ 2098964 w 5216236"/>
              <a:gd name="connsiteY2" fmla="*/ 2161309 h 2161309"/>
              <a:gd name="connsiteX3" fmla="*/ 2098964 w 5216236"/>
              <a:gd name="connsiteY3" fmla="*/ 1100723 h 2161309"/>
              <a:gd name="connsiteX4" fmla="*/ 5216236 w 5216236"/>
              <a:gd name="connsiteY4" fmla="*/ 1105848 h 2161309"/>
              <a:gd name="connsiteX5" fmla="*/ 5216236 w 5216236"/>
              <a:gd name="connsiteY5" fmla="*/ 10391 h 2161309"/>
              <a:gd name="connsiteX6" fmla="*/ 0 w 5216236"/>
              <a:gd name="connsiteY6" fmla="*/ 0 h 21613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216236" h="2161309">
                <a:moveTo>
                  <a:pt x="0" y="0"/>
                </a:moveTo>
                <a:lnTo>
                  <a:pt x="0" y="2161309"/>
                </a:lnTo>
                <a:lnTo>
                  <a:pt x="2098964" y="2161309"/>
                </a:lnTo>
                <a:lnTo>
                  <a:pt x="2098964" y="1100723"/>
                </a:lnTo>
                <a:lnTo>
                  <a:pt x="5216236" y="1105848"/>
                </a:lnTo>
                <a:lnTo>
                  <a:pt x="5216236" y="10391"/>
                </a:lnTo>
                <a:lnTo>
                  <a:pt x="0" y="0"/>
                </a:lnTo>
                <a:close/>
              </a:path>
            </a:pathLst>
          </a:cu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237EDD07-790B-563C-4488-C3E187C1E8CC}"/>
              </a:ext>
            </a:extLst>
          </p:cNvPr>
          <p:cNvSpPr/>
          <p:nvPr/>
        </p:nvSpPr>
        <p:spPr bwMode="auto">
          <a:xfrm>
            <a:off x="4784841" y="4353983"/>
            <a:ext cx="2097680" cy="1100710"/>
          </a:xfrm>
          <a:prstGeom prst="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FE511E67-AAA9-B5D5-641B-751D197A40E7}"/>
              </a:ext>
            </a:extLst>
          </p:cNvPr>
          <p:cNvSpPr/>
          <p:nvPr/>
        </p:nvSpPr>
        <p:spPr bwMode="auto">
          <a:xfrm>
            <a:off x="1156054" y="4344514"/>
            <a:ext cx="3128004" cy="1100710"/>
          </a:xfrm>
          <a:prstGeom prst="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E5DF9D7-4384-7509-AEA0-5EB945C2AC7F}"/>
                  </a:ext>
                </a:extLst>
              </p:cNvPr>
              <p:cNvSpPr txBox="1"/>
              <p:nvPr/>
            </p:nvSpPr>
            <p:spPr>
              <a:xfrm>
                <a:off x="3317901" y="1038025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9E5DF9D7-4384-7509-AEA0-5EB945C2AC7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317901" y="1038025"/>
                <a:ext cx="696152" cy="409343"/>
              </a:xfrm>
              <a:prstGeom prst="rect">
                <a:avLst/>
              </a:prstGeom>
              <a:blipFill>
                <a:blip r:embed="rId5"/>
                <a:stretch>
                  <a:fillRect l="-5455" r="-3636" b="-181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5D96556D-7D4E-1651-F500-0EFA65BDE542}"/>
                  </a:ext>
                </a:extLst>
              </p:cNvPr>
              <p:cNvSpPr txBox="1"/>
              <p:nvPr/>
            </p:nvSpPr>
            <p:spPr>
              <a:xfrm>
                <a:off x="345438" y="4629256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0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5D96556D-7D4E-1651-F500-0EFA65BDE54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45438" y="4629256"/>
                <a:ext cx="696152" cy="409343"/>
              </a:xfrm>
              <a:prstGeom prst="rect">
                <a:avLst/>
              </a:prstGeom>
              <a:blipFill>
                <a:blip r:embed="rId6"/>
                <a:stretch>
                  <a:fillRect l="-5357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8546C424-CC64-D3DC-0014-810232AF127A}"/>
                  </a:ext>
                </a:extLst>
              </p:cNvPr>
              <p:cNvSpPr txBox="1"/>
              <p:nvPr/>
            </p:nvSpPr>
            <p:spPr>
              <a:xfrm>
                <a:off x="5489612" y="5459469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3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8546C424-CC64-D3DC-0014-810232AF127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489612" y="5459469"/>
                <a:ext cx="696152" cy="409343"/>
              </a:xfrm>
              <a:prstGeom prst="rect">
                <a:avLst/>
              </a:prstGeom>
              <a:blipFill>
                <a:blip r:embed="rId7"/>
                <a:stretch>
                  <a:fillRect l="-3571" r="-1786" b="-1515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47" name="Picture 2">
            <a:extLst>
              <a:ext uri="{FF2B5EF4-FFF2-40B4-BE49-F238E27FC236}">
                <a16:creationId xmlns:a16="http://schemas.microsoft.com/office/drawing/2014/main" id="{6E666322-A841-9047-519C-B16407893B2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7601" r="39825"/>
          <a:stretch/>
        </p:blipFill>
        <p:spPr bwMode="auto">
          <a:xfrm>
            <a:off x="1193733" y="4361320"/>
            <a:ext cx="3056901" cy="10286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6" name="Picture 2">
            <a:extLst>
              <a:ext uri="{FF2B5EF4-FFF2-40B4-BE49-F238E27FC236}">
                <a16:creationId xmlns:a16="http://schemas.microsoft.com/office/drawing/2014/main" id="{2A73F35E-51A9-18FA-90D7-A7639B0D24D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151" t="32761" b="32571"/>
          <a:stretch/>
        </p:blipFill>
        <p:spPr bwMode="auto">
          <a:xfrm>
            <a:off x="3478722" y="2985937"/>
            <a:ext cx="3040360" cy="11007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54D1457C-BDCA-B588-4A5B-401E54F44B10}"/>
              </a:ext>
            </a:extLst>
          </p:cNvPr>
          <p:cNvSpPr/>
          <p:nvPr/>
        </p:nvSpPr>
        <p:spPr bwMode="auto">
          <a:xfrm>
            <a:off x="3430116" y="2982241"/>
            <a:ext cx="3128004" cy="1100710"/>
          </a:xfrm>
          <a:prstGeom prst="rect">
            <a:avLst/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E4027085-BD37-C0BA-1B16-A6C449D3C35D}"/>
                  </a:ext>
                </a:extLst>
              </p:cNvPr>
              <p:cNvSpPr txBox="1"/>
              <p:nvPr/>
            </p:nvSpPr>
            <p:spPr>
              <a:xfrm>
                <a:off x="6633087" y="3324201"/>
                <a:ext cx="696152" cy="40934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280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m:rPr>
                              <m:sty m:val="p"/>
                            </m:rPr>
                            <a:rPr lang="en-DK" sz="280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ω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30</m:t>
                          </m:r>
                        </m:sub>
                      </m:sSub>
                    </m:oMath>
                  </m:oMathPara>
                </a14:m>
                <a:endParaRPr lang="en-DK" sz="2800" dirty="0">
                  <a:solidFill>
                    <a:srgbClr val="00B050"/>
                  </a:solidFill>
                  <a:latin typeface="+mn-lt"/>
                </a:endParaRPr>
              </a:p>
            </p:txBody>
          </p:sp>
        </mc:Choice>
        <mc:Fallback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E4027085-BD37-C0BA-1B16-A6C449D3C35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633087" y="3324201"/>
                <a:ext cx="696152" cy="409343"/>
              </a:xfrm>
              <a:prstGeom prst="rect">
                <a:avLst/>
              </a:prstGeom>
              <a:blipFill>
                <a:blip r:embed="rId8"/>
                <a:stretch>
                  <a:fillRect l="-5455" r="-3636" b="-18182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2606725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6146" name="Picture 2">
            <a:extLst>
              <a:ext uri="{FF2B5EF4-FFF2-40B4-BE49-F238E27FC236}">
                <a16:creationId xmlns:a16="http://schemas.microsoft.com/office/drawing/2014/main" id="{5F313304-8691-5E8F-21A1-6054F03A5E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9505" y="1464333"/>
            <a:ext cx="4124907" cy="4124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199642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8B2F9E6-8FE7-4441-968B-1490C2742E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C6BADFC-4075-F44D-AC97-99C0ED902A0A}"/>
              </a:ext>
            </a:extLst>
          </p:cNvPr>
          <p:cNvSpPr/>
          <p:nvPr/>
        </p:nvSpPr>
        <p:spPr bwMode="auto">
          <a:xfrm>
            <a:off x="8758708" y="3212976"/>
            <a:ext cx="1144417" cy="1126111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25121709-1D5D-E947-865E-F63E89C9E2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ECD33E69-593C-F949-BE05-B55B615F91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9178F9FC-6762-EF4C-B026-9FF064807D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FA66A798-9EE0-764C-9995-86706C3E33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3074" name="Picture 2">
            <a:extLst>
              <a:ext uri="{FF2B5EF4-FFF2-40B4-BE49-F238E27FC236}">
                <a16:creationId xmlns:a16="http://schemas.microsoft.com/office/drawing/2014/main" id="{5C19FA82-719F-98F3-6E49-07FC0D5A34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9656" y="984338"/>
            <a:ext cx="6711118" cy="50333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049827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CCDA9-A0C4-C041-93C1-F3F4E4D46F80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34342C50-1F67-5540-B0D9-26DF4C8002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CAA83D26-C135-DB47-B53F-EA8AD04BCB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472CBF0D-EA0F-1B4E-8BB1-34E428E33B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phic 7">
            <a:extLst>
              <a:ext uri="{FF2B5EF4-FFF2-40B4-BE49-F238E27FC236}">
                <a16:creationId xmlns:a16="http://schemas.microsoft.com/office/drawing/2014/main" id="{E78D40CE-12F3-AB40-80B9-F76DD75C5C6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7170" name="Picture 2">
            <a:extLst>
              <a:ext uri="{FF2B5EF4-FFF2-40B4-BE49-F238E27FC236}">
                <a16:creationId xmlns:a16="http://schemas.microsoft.com/office/drawing/2014/main" id="{0DDC631B-15B3-0E9F-D27D-D68F14B6F4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193543"/>
            <a:ext cx="6714175" cy="47557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5962204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3">
            <a:extLst>
              <a:ext uri="{FF2B5EF4-FFF2-40B4-BE49-F238E27FC236}">
                <a16:creationId xmlns:a16="http://schemas.microsoft.com/office/drawing/2014/main" id="{0AB271A2-74BC-2340-9356-C17BEEC78C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pic>
        <p:nvPicPr>
          <p:cNvPr id="7170" name="Picture 2">
            <a:extLst>
              <a:ext uri="{FF2B5EF4-FFF2-40B4-BE49-F238E27FC236}">
                <a16:creationId xmlns:a16="http://schemas.microsoft.com/office/drawing/2014/main" id="{0DDC631B-15B3-0E9F-D27D-D68F14B6F4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812" y="1193543"/>
            <a:ext cx="6714175" cy="47557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1B44DE7B-9859-C96B-F381-F8F79EAD5875}"/>
              </a:ext>
            </a:extLst>
          </p:cNvPr>
          <p:cNvSpPr txBox="1"/>
          <p:nvPr/>
        </p:nvSpPr>
        <p:spPr>
          <a:xfrm>
            <a:off x="8887679" y="2967606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D9D5F51-73D2-EEE0-EE4C-E7BC2C438A0E}"/>
              </a:ext>
            </a:extLst>
          </p:cNvPr>
          <p:cNvSpPr txBox="1"/>
          <p:nvPr/>
        </p:nvSpPr>
        <p:spPr>
          <a:xfrm>
            <a:off x="8887679" y="3189360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FD67AD9A-59E2-F856-98FB-EDF0E5F2282E}"/>
              </a:ext>
            </a:extLst>
          </p:cNvPr>
          <p:cNvSpPr/>
          <p:nvPr/>
        </p:nvSpPr>
        <p:spPr bwMode="auto">
          <a:xfrm>
            <a:off x="8872439" y="2782088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A2D2B767-340E-EA70-B953-7D9881DA5A9C}"/>
              </a:ext>
            </a:extLst>
          </p:cNvPr>
          <p:cNvSpPr/>
          <p:nvPr/>
        </p:nvSpPr>
        <p:spPr bwMode="auto">
          <a:xfrm>
            <a:off x="9792701" y="2782088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1A04867D-4FA1-707E-4446-046937DE1BAB}"/>
              </a:ext>
            </a:extLst>
          </p:cNvPr>
          <p:cNvSpPr/>
          <p:nvPr/>
        </p:nvSpPr>
        <p:spPr bwMode="auto">
          <a:xfrm>
            <a:off x="10697724" y="2784751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BA57924-36A3-8D9E-AD7B-BEC1284F5DE4}"/>
              </a:ext>
            </a:extLst>
          </p:cNvPr>
          <p:cNvSpPr txBox="1"/>
          <p:nvPr/>
        </p:nvSpPr>
        <p:spPr>
          <a:xfrm>
            <a:off x="9291635" y="1815766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BE94EE5D-49DE-A4CA-097A-167692B30C64}"/>
              </a:ext>
            </a:extLst>
          </p:cNvPr>
          <p:cNvSpPr/>
          <p:nvPr/>
        </p:nvSpPr>
        <p:spPr bwMode="auto">
          <a:xfrm>
            <a:off x="9291635" y="1581053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6B88F731-D4B2-9ABD-2DD6-D3EAD85DE301}"/>
              </a:ext>
            </a:extLst>
          </p:cNvPr>
          <p:cNvSpPr/>
          <p:nvPr/>
        </p:nvSpPr>
        <p:spPr bwMode="auto">
          <a:xfrm>
            <a:off x="9757477" y="4884578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D2B0DFE-4417-A548-4EB7-4032CE81C207}"/>
              </a:ext>
            </a:extLst>
          </p:cNvPr>
          <p:cNvSpPr txBox="1"/>
          <p:nvPr/>
        </p:nvSpPr>
        <p:spPr>
          <a:xfrm>
            <a:off x="9353083" y="2067223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121B47E9-7F72-8023-CEFA-CCCF508C6B45}"/>
              </a:ext>
            </a:extLst>
          </p:cNvPr>
          <p:cNvSpPr txBox="1"/>
          <p:nvPr/>
        </p:nvSpPr>
        <p:spPr>
          <a:xfrm>
            <a:off x="9736067" y="5110473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43D6DF95-D1D2-3ED9-BD39-26038FD94869}"/>
              </a:ext>
            </a:extLst>
          </p:cNvPr>
          <p:cNvSpPr/>
          <p:nvPr/>
        </p:nvSpPr>
        <p:spPr bwMode="auto">
          <a:xfrm>
            <a:off x="10211801" y="1583307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7D0B0AA2-9C45-9A87-930E-9B5592106CF1}"/>
              </a:ext>
            </a:extLst>
          </p:cNvPr>
          <p:cNvSpPr txBox="1"/>
          <p:nvPr/>
        </p:nvSpPr>
        <p:spPr>
          <a:xfrm>
            <a:off x="9797515" y="5328848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EF93BA43-6D47-5A51-3D66-DEB1067391E9}"/>
              </a:ext>
            </a:extLst>
          </p:cNvPr>
          <p:cNvCxnSpPr/>
          <p:nvPr/>
        </p:nvCxnSpPr>
        <p:spPr bwMode="auto">
          <a:xfrm flipV="1">
            <a:off x="9016455" y="2319534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CA7252DB-B037-0728-4769-BEF7A695011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519101" y="2319534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EEB90BBA-B6A9-9DF6-5A96-5D4D38A7BE0F}"/>
              </a:ext>
            </a:extLst>
          </p:cNvPr>
          <p:cNvCxnSpPr/>
          <p:nvPr/>
        </p:nvCxnSpPr>
        <p:spPr bwMode="auto">
          <a:xfrm flipV="1">
            <a:off x="9964474" y="2327981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AE6AE819-EA7E-7A4B-5181-0F40236579E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467120" y="2327981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908BBE5D-1261-32A1-EC43-062A9340EE01}"/>
              </a:ext>
            </a:extLst>
          </p:cNvPr>
          <p:cNvCxnSpPr>
            <a:cxnSpLocks/>
          </p:cNvCxnSpPr>
          <p:nvPr/>
        </p:nvCxnSpPr>
        <p:spPr bwMode="auto">
          <a:xfrm>
            <a:off x="8959687" y="3423270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BFC4E9A9-C633-7AE0-12F8-2B8FC973F2DF}"/>
              </a:ext>
            </a:extLst>
          </p:cNvPr>
          <p:cNvCxnSpPr>
            <a:cxnSpLocks/>
          </p:cNvCxnSpPr>
          <p:nvPr/>
        </p:nvCxnSpPr>
        <p:spPr bwMode="auto">
          <a:xfrm flipH="1">
            <a:off x="9981327" y="3423270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E4480B60-47DF-1309-61F4-675DA63333FD}"/>
              </a:ext>
            </a:extLst>
          </p:cNvPr>
          <p:cNvSpPr/>
          <p:nvPr/>
        </p:nvSpPr>
        <p:spPr bwMode="auto">
          <a:xfrm>
            <a:off x="9761318" y="3811928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01451DD7-20AA-0151-4CFB-8A6C031BA8C0}"/>
              </a:ext>
            </a:extLst>
          </p:cNvPr>
          <p:cNvSpPr txBox="1"/>
          <p:nvPr/>
        </p:nvSpPr>
        <p:spPr>
          <a:xfrm>
            <a:off x="9688080" y="4038826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05E4599-769F-8BBA-41A8-1E8D3C1B7E27}"/>
              </a:ext>
            </a:extLst>
          </p:cNvPr>
          <p:cNvSpPr txBox="1"/>
          <p:nvPr/>
        </p:nvSpPr>
        <p:spPr>
          <a:xfrm>
            <a:off x="9811788" y="4252507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09F95875-3DB7-FBCF-4596-3FC8E6DA2F84}"/>
              </a:ext>
            </a:extLst>
          </p:cNvPr>
          <p:cNvCxnSpPr>
            <a:cxnSpLocks/>
          </p:cNvCxnSpPr>
          <p:nvPr/>
        </p:nvCxnSpPr>
        <p:spPr bwMode="auto">
          <a:xfrm>
            <a:off x="8959687" y="3426566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42B66982-351F-1FE9-DEB3-1755F0B2C3D7}"/>
              </a:ext>
            </a:extLst>
          </p:cNvPr>
          <p:cNvCxnSpPr>
            <a:cxnSpLocks/>
          </p:cNvCxnSpPr>
          <p:nvPr/>
        </p:nvCxnSpPr>
        <p:spPr bwMode="auto">
          <a:xfrm flipH="1">
            <a:off x="9982844" y="3429000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BCAE74BD-CDB9-3A45-2A31-F641465A8658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864710" y="3423270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44912808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8194" name="Picture 2">
            <a:extLst>
              <a:ext uri="{FF2B5EF4-FFF2-40B4-BE49-F238E27FC236}">
                <a16:creationId xmlns:a16="http://schemas.microsoft.com/office/drawing/2014/main" id="{48914327-5F74-C59B-BF72-6C45BD7325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3850" y="1088659"/>
            <a:ext cx="5085184" cy="5085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0782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315C26A-62F3-9449-BD8C-BA0DE5C08792}"/>
              </a:ext>
            </a:extLst>
          </p:cNvPr>
          <p:cNvSpPr txBox="1"/>
          <p:nvPr/>
        </p:nvSpPr>
        <p:spPr>
          <a:xfrm>
            <a:off x="3378426" y="1196752"/>
            <a:ext cx="5430974" cy="472219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ncomplete lineage sorting (IL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HMMs: CoalHMM and SMC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ILSMC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hidden state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CTMCs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The transition probability matrix</a:t>
            </a:r>
          </a:p>
          <a:p>
            <a:pPr marL="895243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400" dirty="0">
                <a:latin typeface="+mn-lt"/>
              </a:rPr>
              <a:t>Simulating from the mod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2800" dirty="0">
                <a:latin typeface="+mn-lt"/>
              </a:rPr>
              <a:t>Discussion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B42A390D-3320-7E4F-9EF9-8BB79B2781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Overview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76880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51DC82-BCA7-974D-AA7A-6606807804CF}"/>
              </a:ext>
            </a:extLst>
          </p:cNvPr>
          <p:cNvSpPr/>
          <p:nvPr/>
        </p:nvSpPr>
        <p:spPr bwMode="auto">
          <a:xfrm>
            <a:off x="8788724" y="1537590"/>
            <a:ext cx="1683194" cy="1675386"/>
          </a:xfrm>
          <a:prstGeom prst="rect">
            <a:avLst/>
          </a:prstGeom>
          <a:solidFill>
            <a:schemeClr val="bg1">
              <a:lumMod val="7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19AD958-0214-B24A-BF95-1FD45D18A27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10538276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46B89506-CC33-0741-A02A-BB8D91D3AE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8471175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A0D4A386-FF9A-2046-B42E-24C99C412B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9695311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B83E5982-8164-784F-9D21-2DE7F0C9991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58508" y="692696"/>
            <a:ext cx="5616624" cy="5616624"/>
          </a:xfrm>
          <a:prstGeom prst="rect">
            <a:avLst/>
          </a:prstGeom>
        </p:spPr>
      </p:pic>
      <p:pic>
        <p:nvPicPr>
          <p:cNvPr id="10" name="Picture 2">
            <a:extLst>
              <a:ext uri="{FF2B5EF4-FFF2-40B4-BE49-F238E27FC236}">
                <a16:creationId xmlns:a16="http://schemas.microsoft.com/office/drawing/2014/main" id="{7675CD06-0F56-595B-F315-30E810BADC7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122" b="9122"/>
          <a:stretch/>
        </p:blipFill>
        <p:spPr bwMode="auto">
          <a:xfrm>
            <a:off x="1059649" y="980728"/>
            <a:ext cx="6402915" cy="52347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281123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DEF23D2-F7AA-7A4A-A334-2F95E86F11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CTMC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BD6D128-2DFD-99BD-9BF5-9F72FF297BDE}"/>
              </a:ext>
            </a:extLst>
          </p:cNvPr>
          <p:cNvSpPr txBox="1"/>
          <p:nvPr/>
        </p:nvSpPr>
        <p:spPr>
          <a:xfrm>
            <a:off x="8664486" y="3068672"/>
            <a:ext cx="197009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	B	C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A38669C-E2EA-4822-2525-EEDAB94276E9}"/>
              </a:ext>
            </a:extLst>
          </p:cNvPr>
          <p:cNvSpPr txBox="1"/>
          <p:nvPr/>
        </p:nvSpPr>
        <p:spPr>
          <a:xfrm>
            <a:off x="8664486" y="3290426"/>
            <a:ext cx="195406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	2	4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CFCE39E1-526E-785E-B753-AAAD0EA56B3A}"/>
              </a:ext>
            </a:extLst>
          </p:cNvPr>
          <p:cNvSpPr/>
          <p:nvPr/>
        </p:nvSpPr>
        <p:spPr bwMode="auto">
          <a:xfrm>
            <a:off x="8649246" y="2883154"/>
            <a:ext cx="144016" cy="144016"/>
          </a:xfrm>
          <a:prstGeom prst="ellipse">
            <a:avLst/>
          </a:prstGeom>
          <a:solidFill>
            <a:srgbClr val="FF24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4D9FDCE-A90B-77D4-3E98-0C61956B716D}"/>
              </a:ext>
            </a:extLst>
          </p:cNvPr>
          <p:cNvSpPr/>
          <p:nvPr/>
        </p:nvSpPr>
        <p:spPr bwMode="auto">
          <a:xfrm>
            <a:off x="9569508" y="2883154"/>
            <a:ext cx="144016" cy="144016"/>
          </a:xfrm>
          <a:prstGeom prst="ellipse">
            <a:avLst/>
          </a:prstGeom>
          <a:solidFill>
            <a:srgbClr val="0433FF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9E3F5D52-ADFB-A514-7C56-7652BB2CF339}"/>
              </a:ext>
            </a:extLst>
          </p:cNvPr>
          <p:cNvSpPr/>
          <p:nvPr/>
        </p:nvSpPr>
        <p:spPr bwMode="auto">
          <a:xfrm>
            <a:off x="10474531" y="2885817"/>
            <a:ext cx="144016" cy="144016"/>
          </a:xfrm>
          <a:prstGeom prst="ellipse">
            <a:avLst/>
          </a:prstGeom>
          <a:solidFill>
            <a:srgbClr val="FFFB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2F4C5D4-CCED-D48A-34C2-D1DE4DDDEE3B}"/>
              </a:ext>
            </a:extLst>
          </p:cNvPr>
          <p:cNvSpPr txBox="1"/>
          <p:nvPr/>
        </p:nvSpPr>
        <p:spPr>
          <a:xfrm>
            <a:off x="9068442" y="1916832"/>
            <a:ext cx="116217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	BC</a:t>
            </a:r>
          </a:p>
        </p:txBody>
      </p:sp>
      <p:sp>
        <p:nvSpPr>
          <p:cNvPr id="15" name="Triangle 14">
            <a:extLst>
              <a:ext uri="{FF2B5EF4-FFF2-40B4-BE49-F238E27FC236}">
                <a16:creationId xmlns:a16="http://schemas.microsoft.com/office/drawing/2014/main" id="{506EADF5-AC94-842D-775D-E06F50C0982D}"/>
              </a:ext>
            </a:extLst>
          </p:cNvPr>
          <p:cNvSpPr/>
          <p:nvPr/>
        </p:nvSpPr>
        <p:spPr bwMode="auto">
          <a:xfrm>
            <a:off x="9068442" y="1682119"/>
            <a:ext cx="202439" cy="174516"/>
          </a:xfrm>
          <a:prstGeom prst="triangle">
            <a:avLst/>
          </a:prstGeom>
          <a:solidFill>
            <a:srgbClr val="A034F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riangle 15">
            <a:extLst>
              <a:ext uri="{FF2B5EF4-FFF2-40B4-BE49-F238E27FC236}">
                <a16:creationId xmlns:a16="http://schemas.microsoft.com/office/drawing/2014/main" id="{9F5CBC3D-26AD-03C5-4B1D-0CACF2541938}"/>
              </a:ext>
            </a:extLst>
          </p:cNvPr>
          <p:cNvSpPr/>
          <p:nvPr/>
        </p:nvSpPr>
        <p:spPr bwMode="auto">
          <a:xfrm>
            <a:off x="9534284" y="4985644"/>
            <a:ext cx="202439" cy="181231"/>
          </a:xfrm>
          <a:prstGeom prst="triangle">
            <a:avLst/>
          </a:prstGeom>
          <a:solidFill>
            <a:srgbClr val="FFA502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72AE48E-39C9-2135-8C2D-F04E48C82EB6}"/>
              </a:ext>
            </a:extLst>
          </p:cNvPr>
          <p:cNvSpPr txBox="1"/>
          <p:nvPr/>
        </p:nvSpPr>
        <p:spPr>
          <a:xfrm>
            <a:off x="9129890" y="2168289"/>
            <a:ext cx="10307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	6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9D2559F-957C-E848-D632-2C84CEBD1A18}"/>
              </a:ext>
            </a:extLst>
          </p:cNvPr>
          <p:cNvSpPr txBox="1"/>
          <p:nvPr/>
        </p:nvSpPr>
        <p:spPr>
          <a:xfrm>
            <a:off x="9512874" y="5211539"/>
            <a:ext cx="245260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C</a:t>
            </a:r>
          </a:p>
        </p:txBody>
      </p:sp>
      <p:sp>
        <p:nvSpPr>
          <p:cNvPr id="19" name="Triangle 18">
            <a:extLst>
              <a:ext uri="{FF2B5EF4-FFF2-40B4-BE49-F238E27FC236}">
                <a16:creationId xmlns:a16="http://schemas.microsoft.com/office/drawing/2014/main" id="{7B00E6FD-4B05-C9FF-31D9-E59CB748C74E}"/>
              </a:ext>
            </a:extLst>
          </p:cNvPr>
          <p:cNvSpPr/>
          <p:nvPr/>
        </p:nvSpPr>
        <p:spPr bwMode="auto">
          <a:xfrm>
            <a:off x="9988608" y="1684373"/>
            <a:ext cx="202439" cy="174516"/>
          </a:xfrm>
          <a:prstGeom prst="triangle">
            <a:avLst/>
          </a:prstGeom>
          <a:solidFill>
            <a:srgbClr val="00FA00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9B037B2B-1924-A48D-D60E-F760C128D080}"/>
              </a:ext>
            </a:extLst>
          </p:cNvPr>
          <p:cNvSpPr txBox="1"/>
          <p:nvPr/>
        </p:nvSpPr>
        <p:spPr>
          <a:xfrm>
            <a:off x="9574322" y="5429914"/>
            <a:ext cx="107402" cy="21264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</a:t>
            </a:r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65E6E693-4EB7-187E-D530-5E606F9D161C}"/>
              </a:ext>
            </a:extLst>
          </p:cNvPr>
          <p:cNvCxnSpPr/>
          <p:nvPr/>
        </p:nvCxnSpPr>
        <p:spPr bwMode="auto">
          <a:xfrm flipV="1">
            <a:off x="8793262" y="2420600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2FC4FA13-942E-8F8F-176E-BF3CEFA2CA06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9295908" y="2420600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2ED3782D-AA5F-8CEF-B3D3-903C79388B2F}"/>
              </a:ext>
            </a:extLst>
          </p:cNvPr>
          <p:cNvCxnSpPr/>
          <p:nvPr/>
        </p:nvCxnSpPr>
        <p:spPr bwMode="auto">
          <a:xfrm flipV="1">
            <a:off x="9741281" y="2429047"/>
            <a:ext cx="275180" cy="36004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C08DE037-D386-43B9-3C39-E08E9AC293A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43927" y="2429047"/>
            <a:ext cx="273600" cy="35640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C6094674-CC81-7441-C04E-DB68E7521861}"/>
              </a:ext>
            </a:extLst>
          </p:cNvPr>
          <p:cNvCxnSpPr>
            <a:cxnSpLocks/>
          </p:cNvCxnSpPr>
          <p:nvPr/>
        </p:nvCxnSpPr>
        <p:spPr bwMode="auto">
          <a:xfrm>
            <a:off x="8736494" y="3524336"/>
            <a:ext cx="782544" cy="14434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2F8641AE-0C76-FC10-893F-35285353C80E}"/>
              </a:ext>
            </a:extLst>
          </p:cNvPr>
          <p:cNvCxnSpPr>
            <a:cxnSpLocks/>
          </p:cNvCxnSpPr>
          <p:nvPr/>
        </p:nvCxnSpPr>
        <p:spPr bwMode="auto">
          <a:xfrm flipH="1">
            <a:off x="9758134" y="3524336"/>
            <a:ext cx="778560" cy="146130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riangle 26">
            <a:extLst>
              <a:ext uri="{FF2B5EF4-FFF2-40B4-BE49-F238E27FC236}">
                <a16:creationId xmlns:a16="http://schemas.microsoft.com/office/drawing/2014/main" id="{BC24A2A1-5F90-9959-E276-BF4829085668}"/>
              </a:ext>
            </a:extLst>
          </p:cNvPr>
          <p:cNvSpPr/>
          <p:nvPr/>
        </p:nvSpPr>
        <p:spPr bwMode="auto">
          <a:xfrm>
            <a:off x="9538125" y="3912994"/>
            <a:ext cx="202439" cy="186339"/>
          </a:xfrm>
          <a:prstGeom prst="triangle">
            <a:avLst/>
          </a:prstGeom>
          <a:solidFill>
            <a:schemeClr val="tx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7ADFAB60-9052-8372-FEFF-37CB69E21303}"/>
              </a:ext>
            </a:extLst>
          </p:cNvPr>
          <p:cNvSpPr txBox="1"/>
          <p:nvPr/>
        </p:nvSpPr>
        <p:spPr>
          <a:xfrm>
            <a:off x="9464887" y="4139892"/>
            <a:ext cx="36067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ABC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44F3327-1D57-3C4F-2940-FB2124989F2C}"/>
              </a:ext>
            </a:extLst>
          </p:cNvPr>
          <p:cNvSpPr txBox="1"/>
          <p:nvPr/>
        </p:nvSpPr>
        <p:spPr>
          <a:xfrm>
            <a:off x="9588595" y="4353573"/>
            <a:ext cx="10740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7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7E2A50B6-F564-63D3-EC4D-F498C5CA091A}"/>
              </a:ext>
            </a:extLst>
          </p:cNvPr>
          <p:cNvCxnSpPr>
            <a:cxnSpLocks/>
          </p:cNvCxnSpPr>
          <p:nvPr/>
        </p:nvCxnSpPr>
        <p:spPr bwMode="auto">
          <a:xfrm>
            <a:off x="8736494" y="3527632"/>
            <a:ext cx="782544" cy="39413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BDF86C2B-C038-0970-FD38-9A8194F98024}"/>
              </a:ext>
            </a:extLst>
          </p:cNvPr>
          <p:cNvCxnSpPr>
            <a:cxnSpLocks/>
          </p:cNvCxnSpPr>
          <p:nvPr/>
        </p:nvCxnSpPr>
        <p:spPr bwMode="auto">
          <a:xfrm flipH="1">
            <a:off x="9759651" y="3530066"/>
            <a:ext cx="777043" cy="396617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FF4D952-8CDC-BF27-B94C-8E4F39A97814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>
            <a:off x="9641517" y="3524336"/>
            <a:ext cx="0" cy="33311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2050" name="Picture 2">
            <a:extLst>
              <a:ext uri="{FF2B5EF4-FFF2-40B4-BE49-F238E27FC236}">
                <a16:creationId xmlns:a16="http://schemas.microsoft.com/office/drawing/2014/main" id="{25FB6269-BA54-DA99-4957-CD6661B3F51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122" b="9122"/>
          <a:stretch/>
        </p:blipFill>
        <p:spPr bwMode="auto">
          <a:xfrm>
            <a:off x="1059649" y="980728"/>
            <a:ext cx="6402915" cy="52347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9729795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2061964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r="-312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86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9091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58558256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2061964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r="-312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86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9091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>
            <a:extLst>
              <a:ext uri="{FF2B5EF4-FFF2-40B4-BE49-F238E27FC236}">
                <a16:creationId xmlns:a16="http://schemas.microsoft.com/office/drawing/2014/main" id="{3E3AD31D-DF98-2D78-5D7B-B476963CEE14}"/>
              </a:ext>
            </a:extLst>
          </p:cNvPr>
          <p:cNvPicPr>
            <a:picLocks noChangeAspect="1"/>
          </p:cNvPicPr>
          <p:nvPr/>
        </p:nvPicPr>
        <p:blipFill rotWithShape="1">
          <a:blip r:embed="rId27"/>
          <a:srcRect l="43552" r="29026"/>
          <a:stretch/>
        </p:blipFill>
        <p:spPr>
          <a:xfrm>
            <a:off x="8254652" y="3064821"/>
            <a:ext cx="1224136" cy="862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4338340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2061964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r="-312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86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9091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>
            <a:extLst>
              <a:ext uri="{FF2B5EF4-FFF2-40B4-BE49-F238E27FC236}">
                <a16:creationId xmlns:a16="http://schemas.microsoft.com/office/drawing/2014/main" id="{3E3AD31D-DF98-2D78-5D7B-B476963CEE14}"/>
              </a:ext>
            </a:extLst>
          </p:cNvPr>
          <p:cNvPicPr>
            <a:picLocks noChangeAspect="1"/>
          </p:cNvPicPr>
          <p:nvPr/>
        </p:nvPicPr>
        <p:blipFill rotWithShape="1">
          <a:blip r:embed="rId27"/>
          <a:srcRect l="43552"/>
          <a:stretch/>
        </p:blipFill>
        <p:spPr>
          <a:xfrm>
            <a:off x="8254652" y="3064821"/>
            <a:ext cx="2519886" cy="862200"/>
          </a:xfrm>
          <a:prstGeom prst="rect">
            <a:avLst/>
          </a:prstGeom>
        </p:spPr>
      </p:pic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641717C1-7BEF-0037-D374-2E04A641460B}"/>
              </a:ext>
            </a:extLst>
          </p:cNvPr>
          <p:cNvCxnSpPr>
            <a:cxnSpLocks/>
          </p:cNvCxnSpPr>
          <p:nvPr/>
        </p:nvCxnSpPr>
        <p:spPr bwMode="auto">
          <a:xfrm>
            <a:off x="9267594" y="2657312"/>
            <a:ext cx="427218" cy="66158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9" name="TextBox 48">
            <a:extLst>
              <a:ext uri="{FF2B5EF4-FFF2-40B4-BE49-F238E27FC236}">
                <a16:creationId xmlns:a16="http://schemas.microsoft.com/office/drawing/2014/main" id="{E38CFD23-25B3-28D9-4F6C-6922D2ED8BFF}"/>
              </a:ext>
            </a:extLst>
          </p:cNvPr>
          <p:cNvSpPr txBox="1"/>
          <p:nvPr/>
        </p:nvSpPr>
        <p:spPr>
          <a:xfrm>
            <a:off x="8542487" y="1844824"/>
            <a:ext cx="1377843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initial states (rows)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7BC4A42A-8B9F-C2C9-09DA-A5E1D892A197}"/>
              </a:ext>
            </a:extLst>
          </p:cNvPr>
          <p:cNvSpPr txBox="1"/>
          <p:nvPr/>
        </p:nvSpPr>
        <p:spPr>
          <a:xfrm>
            <a:off x="10217377" y="2083321"/>
            <a:ext cx="1220089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end states (columns)</a:t>
            </a:r>
          </a:p>
        </p:txBody>
      </p:sp>
      <p:cxnSp>
        <p:nvCxnSpPr>
          <p:cNvPr id="51" name="Straight Arrow Connector 50">
            <a:extLst>
              <a:ext uri="{FF2B5EF4-FFF2-40B4-BE49-F238E27FC236}">
                <a16:creationId xmlns:a16="http://schemas.microsoft.com/office/drawing/2014/main" id="{6912C5C4-30FD-75EF-9E41-3096729048A6}"/>
              </a:ext>
            </a:extLst>
          </p:cNvPr>
          <p:cNvCxnSpPr>
            <a:cxnSpLocks/>
          </p:cNvCxnSpPr>
          <p:nvPr/>
        </p:nvCxnSpPr>
        <p:spPr bwMode="auto">
          <a:xfrm flipH="1">
            <a:off x="10333715" y="2901302"/>
            <a:ext cx="460637" cy="432116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58385060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4188E1A-1091-A24A-8069-7A03EF686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/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  <a:spcAft>
                    <a:spcPts val="600"/>
                  </a:spcAft>
                </a:pPr>
                <a14:m>
                  <m:oMath xmlns:m="http://schemas.openxmlformats.org/officeDocument/2006/math"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0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bSup>
                    <m:r>
                      <a:rPr lang="en-US" sz="2000" i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→</m:t>
                    </m:r>
                    <m:sSubSup>
                      <m:sSubSupPr>
                        <m:ctrlPr>
                          <a:rPr lang="en-US" sz="20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V</m:t>
                        </m:r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0</m:t>
                        </m:r>
                      </m:sub>
                      <m:sup>
                        <m:r>
                          <a:rPr lang="en-US" sz="2000" b="0" i="0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p>
                    </m:sSubSup>
                  </m:oMath>
                </a14:m>
                <a:r>
                  <a:rPr lang="en-US" sz="2000" dirty="0">
                    <a:latin typeface="+mn-lt"/>
                  </a:rPr>
                  <a:t>:</a:t>
                </a: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3 one-sequence CTMCs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A and B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For C until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endParaRPr lang="en-US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Two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No coalescence on L or R </a:t>
                </a:r>
                <a14:m>
                  <m:oMath xmlns:m="http://schemas.openxmlformats.org/officeDocument/2006/math">
                    <m:r>
                      <a:rPr lang="en-US" sz="1600" b="0" i="0" smtClean="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𝐴𝐵</m:t>
                        </m:r>
                      </m:sub>
                    </m:sSub>
                  </m:oMath>
                </a14:m>
                <a:r>
                  <a:rPr lang="en-US" sz="1600" dirty="0">
                    <a:latin typeface="+mn-lt"/>
                  </a:rPr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>
                  <a:latin typeface="+mn-lt"/>
                </a:endParaRP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>
                    <a:latin typeface="+mn-lt"/>
                  </a:rPr>
                  <a:t>1</a:t>
                </a:r>
                <a:r>
                  <a:rPr lang="en-US" sz="1600" baseline="30000" dirty="0">
                    <a:latin typeface="+mn-lt"/>
                  </a:rPr>
                  <a:t>st</a:t>
                </a:r>
                <a:r>
                  <a:rPr lang="en-US" sz="1600" dirty="0">
                    <a:latin typeface="+mn-lt"/>
                  </a:rPr>
                  <a:t> coalescent on L and no coalescent on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or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𝐴𝐵𝐶</m:t>
                        </m:r>
                      </m:sub>
                    </m:sSub>
                    <m:r>
                      <a:rPr lang="en-US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1600" dirty="0"/>
              </a:p>
              <a:p>
                <a:pPr marL="285750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Three-sequence CTMC:</a:t>
                </a:r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No coalescent on L and 1</a:t>
                </a:r>
                <a:r>
                  <a:rPr lang="en-US" sz="1600" baseline="30000" dirty="0"/>
                  <a:t>st</a:t>
                </a:r>
                <a:r>
                  <a:rPr lang="en-US" sz="1600" dirty="0"/>
                  <a:t> coalescent on R </a:t>
                </a:r>
                <a14:m>
                  <m:oMath xmlns:m="http://schemas.openxmlformats.org/officeDocument/2006/math">
                    <m:r>
                      <a:rPr lang="da-DK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DK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𝐴𝐵</m:t>
                        </m:r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𝐶</m:t>
                        </m:r>
                      </m:sub>
                    </m:sSub>
                  </m:oMath>
                </a14:m>
                <a:r>
                  <a:rPr lang="en-DK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DK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da-DK" sz="1600" i="1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da-DK" sz="1600" i="1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  <a:p>
                <a:pPr marL="895243" lvl="1" indent="-285750">
                  <a:lnSpc>
                    <a:spcPct val="95000"/>
                  </a:lnSpc>
                  <a:spcAft>
                    <a:spcPts val="600"/>
                  </a:spcAft>
                  <a:buFont typeface="Arial" panose="020B0604020202020204" pitchFamily="34" charset="0"/>
                  <a:buChar char="•"/>
                </a:pPr>
                <a:r>
                  <a:rPr lang="en-US" sz="1600" dirty="0"/>
                  <a:t>2</a:t>
                </a:r>
                <a:r>
                  <a:rPr lang="en-US" sz="1600" baseline="30000" dirty="0"/>
                  <a:t>nd</a:t>
                </a:r>
                <a:r>
                  <a:rPr lang="en-US" sz="1600" dirty="0"/>
                  <a:t> coalescent on both L and R </a:t>
                </a:r>
                <a14:m>
                  <m:oMath xmlns:m="http://schemas.openxmlformats.org/officeDocument/2006/math">
                    <m:r>
                      <a:rPr lang="en-US" sz="1600">
                        <a:latin typeface="Cambria Math" panose="02040503050406030204" pitchFamily="18" charset="0"/>
                      </a:rPr>
                      <m:t>(</m:t>
                    </m:r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1</m:t>
                        </m:r>
                      </m:sub>
                    </m:sSub>
                  </m:oMath>
                </a14:m>
                <a:r>
                  <a:rPr lang="en-US" sz="1600" dirty="0"/>
                  <a:t>-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1600" b="0" i="1" smtClean="0">
                            <a:latin typeface="Cambria Math" panose="02040503050406030204" pitchFamily="18" charset="0"/>
                          </a:rPr>
                          <m:t>𝑇</m:t>
                        </m:r>
                      </m:e>
                      <m:sub>
                        <m:r>
                          <a:rPr lang="en-US" sz="1600" i="1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da-DK" sz="1600" dirty="0"/>
              </a:p>
            </p:txBody>
          </p:sp>
        </mc:Choice>
        <mc:Fallback xmlns=""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B996F1EB-21B0-3546-910D-E37C978E04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6795020" y="2003766"/>
                <a:ext cx="5680529" cy="3406061"/>
              </a:xfrm>
              <a:prstGeom prst="rect">
                <a:avLst/>
              </a:prstGeom>
              <a:blipFill>
                <a:blip r:embed="rId4"/>
                <a:stretch>
                  <a:fillRect l="-2004" t="-2230" r="-668" b="-2974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Graphic 19">
            <a:extLst>
              <a:ext uri="{FF2B5EF4-FFF2-40B4-BE49-F238E27FC236}">
                <a16:creationId xmlns:a16="http://schemas.microsoft.com/office/drawing/2014/main" id="{6CFF3142-186D-DD45-9F08-4AA61905A0E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l="26318" t="13103" r="26319" b="12943"/>
          <a:stretch/>
        </p:blipFill>
        <p:spPr>
          <a:xfrm>
            <a:off x="2061964" y="1632644"/>
            <a:ext cx="2808312" cy="438493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/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C4434C9B-F803-AA45-9428-74BD02891B2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63849" y="4525405"/>
                <a:ext cx="403316" cy="263149"/>
              </a:xfrm>
              <a:prstGeom prst="rect">
                <a:avLst/>
              </a:prstGeom>
              <a:blipFill>
                <a:blip r:embed="rId7"/>
                <a:stretch>
                  <a:fillRect l="-6250" r="-312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/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73F570C0-41D9-C14B-AF8D-64B6798C7E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28433" y="4303445"/>
                <a:ext cx="258917" cy="263149"/>
              </a:xfrm>
              <a:prstGeom prst="rect">
                <a:avLst/>
              </a:prstGeom>
              <a:blipFill>
                <a:blip r:embed="rId8"/>
                <a:stretch>
                  <a:fillRect l="-14286" r="-4762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/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1ABA3727-56EF-694E-AAD6-0D8499AE40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32799" y="3918390"/>
                <a:ext cx="264237" cy="263149"/>
              </a:xfrm>
              <a:prstGeom prst="rect">
                <a:avLst/>
              </a:prstGeom>
              <a:blipFill>
                <a:blip r:embed="rId9"/>
                <a:stretch>
                  <a:fillRect l="-13636" r="-4545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/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656DFCE3-94D8-DD43-B74E-D5B84867D1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44227" y="3374206"/>
                <a:ext cx="508793" cy="263149"/>
              </a:xfrm>
              <a:prstGeom prst="rect">
                <a:avLst/>
              </a:prstGeom>
              <a:blipFill>
                <a:blip r:embed="rId10"/>
                <a:stretch>
                  <a:fillRect l="-2439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/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A9BA059B-D8ED-8549-8A4A-7D0A471218C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3017696"/>
                <a:ext cx="283987" cy="263149"/>
              </a:xfrm>
              <a:prstGeom prst="rect">
                <a:avLst/>
              </a:prstGeom>
              <a:blipFill>
                <a:blip r:embed="rId11"/>
                <a:stretch>
                  <a:fillRect l="-12500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/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800" dirty="0">
                  <a:latin typeface="+mn-lt"/>
                </a:endParaRPr>
              </a:p>
            </p:txBody>
          </p:sp>
        </mc:Choice>
        <mc:Fallback xmlns=""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F5DA1A7F-69C2-444E-B60E-A3A87BE24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07727" y="2418448"/>
                <a:ext cx="289309" cy="263149"/>
              </a:xfrm>
              <a:prstGeom prst="rect">
                <a:avLst/>
              </a:prstGeom>
              <a:blipFill>
                <a:blip r:embed="rId12"/>
                <a:stretch>
                  <a:fillRect l="-12500" r="-4167" b="-13636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2" name="Graphic 31">
            <a:extLst>
              <a:ext uri="{FF2B5EF4-FFF2-40B4-BE49-F238E27FC236}">
                <a16:creationId xmlns:a16="http://schemas.microsoft.com/office/drawing/2014/main" id="{DE513A49-FE86-7B45-93EA-47A80428F601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3007180" y="1835982"/>
            <a:ext cx="4176464" cy="41764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43CE8F28-852D-6B46-9DF0-51E8242142A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5252361" y="1835982"/>
            <a:ext cx="4179600" cy="417960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/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D988360-AF2F-ED48-8AC4-A5C7DF0DA6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680345" y="1910203"/>
                <a:ext cx="572016" cy="354200"/>
              </a:xfrm>
              <a:prstGeom prst="rect">
                <a:avLst/>
              </a:prstGeom>
              <a:blipFill>
                <a:blip r:embed="rId17"/>
                <a:stretch>
                  <a:fillRect l="-8696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/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7D3C7CFD-6CF3-E04B-8314-AFC4970ADE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925526" y="1940057"/>
                <a:ext cx="572208" cy="357085"/>
              </a:xfrm>
              <a:prstGeom prst="rect">
                <a:avLst/>
              </a:prstGeom>
              <a:blipFill>
                <a:blip r:embed="rId18"/>
                <a:stretch>
                  <a:fillRect l="-10870" t="-3448" r="-43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TextBox 35">
            <a:extLst>
              <a:ext uri="{FF2B5EF4-FFF2-40B4-BE49-F238E27FC236}">
                <a16:creationId xmlns:a16="http://schemas.microsoft.com/office/drawing/2014/main" id="{E5C76CB0-719B-EA48-B7F6-9AE0F4447175}"/>
              </a:ext>
            </a:extLst>
          </p:cNvPr>
          <p:cNvSpPr txBox="1"/>
          <p:nvPr/>
        </p:nvSpPr>
        <p:spPr>
          <a:xfrm>
            <a:off x="14333256" y="1329617"/>
            <a:ext cx="1181477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Left site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6D51380-2010-2447-BFC8-06E2EDF83A76}"/>
              </a:ext>
            </a:extLst>
          </p:cNvPr>
          <p:cNvSpPr txBox="1"/>
          <p:nvPr/>
        </p:nvSpPr>
        <p:spPr>
          <a:xfrm>
            <a:off x="16541633" y="1329616"/>
            <a:ext cx="1431482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800" dirty="0">
                <a:latin typeface="+mn-lt"/>
              </a:rPr>
              <a:t>Right si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/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0C7E7924-43CD-1C4F-8821-3E9C6F0000E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632999" y="4460337"/>
                <a:ext cx="347018" cy="233910"/>
              </a:xfrm>
              <a:prstGeom prst="rect">
                <a:avLst/>
              </a:prstGeom>
              <a:blipFill>
                <a:blip r:embed="rId19"/>
                <a:stretch>
                  <a:fillRect l="-7143" r="-7143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/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4B0611F4-3D9E-C14D-8C15-0C74149E1B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3853" y="4226427"/>
                <a:ext cx="218778" cy="233910"/>
              </a:xfrm>
              <a:prstGeom prst="rect">
                <a:avLst/>
              </a:prstGeom>
              <a:blipFill>
                <a:blip r:embed="rId20"/>
                <a:stretch>
                  <a:fillRect l="-16667" r="-11111" b="-20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/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580532D-93F1-F545-BE21-F939EEC7080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25122" y="3952506"/>
                <a:ext cx="223523" cy="233910"/>
              </a:xfrm>
              <a:prstGeom prst="rect">
                <a:avLst/>
              </a:prstGeom>
              <a:blipFill>
                <a:blip r:embed="rId21"/>
                <a:stretch>
                  <a:fillRect l="-16667" r="-11111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/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DK" sz="16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𝐴𝐵𝐶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C2CDE19-21C8-FC48-98FB-BA6AF8E4CB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98800" y="3549442"/>
                <a:ext cx="440890" cy="233910"/>
              </a:xfrm>
              <a:prstGeom prst="rect">
                <a:avLst/>
              </a:prstGeom>
              <a:blipFill>
                <a:blip r:embed="rId22"/>
                <a:stretch>
                  <a:fillRect l="-5556" r="-2778" b="-1500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/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26296E55-8FD1-A443-ABD0-7BB6878739A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3301006"/>
                <a:ext cx="239809" cy="233910"/>
              </a:xfrm>
              <a:prstGeom prst="rect">
                <a:avLst/>
              </a:prstGeom>
              <a:blipFill>
                <a:blip r:embed="rId23"/>
                <a:stretch>
                  <a:fillRect l="-14286" r="-4762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/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C86FA79E-99E9-6840-9585-E0EC1CA5911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047309" y="2883416"/>
                <a:ext cx="244554" cy="233910"/>
              </a:xfrm>
              <a:prstGeom prst="rect">
                <a:avLst/>
              </a:prstGeom>
              <a:blipFill>
                <a:blip r:embed="rId24"/>
                <a:stretch>
                  <a:fillRect l="-14286" r="-9524" b="-2105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/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400FF"/>
                    </a:solidFill>
                    <a:latin typeface="+mn-lt"/>
                  </a:rPr>
                  <a:t>Left site</a:t>
                </a:r>
              </a:p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800" i="1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80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800" b="0" i="0" smtClean="0">
                              <a:solidFill>
                                <a:srgbClr val="0400FF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800" dirty="0">
                  <a:solidFill>
                    <a:srgbClr val="0400FF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D88A7C0A-1734-544D-BDA5-2F6480C0FB6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29368" y="1211977"/>
                <a:ext cx="2509130" cy="824200"/>
              </a:xfrm>
              <a:prstGeom prst="rect">
                <a:avLst/>
              </a:prstGeom>
              <a:blipFill>
                <a:blip r:embed="rId25"/>
                <a:stretch>
                  <a:fillRect l="-8586" t="-16667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/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  <a:latin typeface="+mn-lt"/>
                  </a:rPr>
                  <a:t>Right site</a:t>
                </a:r>
              </a:p>
              <a:p>
                <a:pPr algn="r">
                  <a:lnSpc>
                    <a:spcPct val="95000"/>
                  </a:lnSpc>
                </a:pPr>
                <a:r>
                  <a:rPr lang="en-DK" sz="2800" dirty="0">
                    <a:solidFill>
                      <a:srgbClr val="009000"/>
                    </a:solidFill>
                  </a:rPr>
                  <a:t>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DK" sz="2800" i="1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m:rPr>
                            <m:sty m:val="p"/>
                          </m:rP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V</m:t>
                        </m:r>
                        <m:r>
                          <a:rPr lang="da-DK" sz="280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b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  <m:sup>
                        <m:r>
                          <a:rPr lang="da-DK" sz="2800" b="0" i="0" smtClean="0">
                            <a:solidFill>
                              <a:srgbClr val="009000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bSup>
                  </m:oMath>
                </a14:m>
                <a:endParaRPr lang="en-DK" sz="2800" dirty="0">
                  <a:solidFill>
                    <a:srgbClr val="009000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BE43DB73-1CDB-1345-9F8E-9C93D151679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56049" y="1211752"/>
                <a:ext cx="2509130" cy="823431"/>
              </a:xfrm>
              <a:prstGeom prst="rect">
                <a:avLst/>
              </a:prstGeom>
              <a:blipFill>
                <a:blip r:embed="rId26"/>
                <a:stretch>
                  <a:fillRect t="-16667" r="-9091" b="-909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>
            <a:extLst>
              <a:ext uri="{FF2B5EF4-FFF2-40B4-BE49-F238E27FC236}">
                <a16:creationId xmlns:a16="http://schemas.microsoft.com/office/drawing/2014/main" id="{3E3AD31D-DF98-2D78-5D7B-B476963CEE14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6310436" y="3064821"/>
            <a:ext cx="4464102" cy="862200"/>
          </a:xfrm>
          <a:prstGeom prst="rect">
            <a:avLst/>
          </a:prstGeom>
        </p:spPr>
      </p:pic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90776EC4-7B08-397B-2D53-30973A00562D}"/>
              </a:ext>
            </a:extLst>
          </p:cNvPr>
          <p:cNvCxnSpPr/>
          <p:nvPr/>
        </p:nvCxnSpPr>
        <p:spPr bwMode="auto">
          <a:xfrm flipV="1">
            <a:off x="6454452" y="3702366"/>
            <a:ext cx="216024" cy="73858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A4037487-2567-C39B-D300-FB4EF52FDF7F}"/>
              </a:ext>
            </a:extLst>
          </p:cNvPr>
          <p:cNvSpPr txBox="1"/>
          <p:nvPr/>
        </p:nvSpPr>
        <p:spPr>
          <a:xfrm>
            <a:off x="5561081" y="4505557"/>
            <a:ext cx="1163077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Transition rate matrix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68537516-31C4-2959-3476-FBAD646120F7}"/>
              </a:ext>
            </a:extLst>
          </p:cNvPr>
          <p:cNvSpPr txBox="1"/>
          <p:nvPr/>
        </p:nvSpPr>
        <p:spPr>
          <a:xfrm>
            <a:off x="6142619" y="5086469"/>
            <a:ext cx="1476633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time cutpoints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98A7AE24-CA85-3312-346B-842C95FB093A}"/>
              </a:ext>
            </a:extLst>
          </p:cNvPr>
          <p:cNvCxnSpPr>
            <a:cxnSpLocks/>
            <a:stCxn id="30" idx="0"/>
          </p:cNvCxnSpPr>
          <p:nvPr/>
        </p:nvCxnSpPr>
        <p:spPr bwMode="auto">
          <a:xfrm flipV="1">
            <a:off x="6880936" y="3720356"/>
            <a:ext cx="77425" cy="136611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1B9D0AA8-F7DE-63CA-06C4-739653823A61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7281746" y="3720356"/>
            <a:ext cx="414932" cy="589025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7" name="TextBox 46">
            <a:extLst>
              <a:ext uri="{FF2B5EF4-FFF2-40B4-BE49-F238E27FC236}">
                <a16:creationId xmlns:a16="http://schemas.microsoft.com/office/drawing/2014/main" id="{5C872C43-3FE2-7FEE-CDBD-2DF77838E285}"/>
              </a:ext>
            </a:extLst>
          </p:cNvPr>
          <p:cNvSpPr txBox="1"/>
          <p:nvPr/>
        </p:nvSpPr>
        <p:spPr>
          <a:xfrm>
            <a:off x="7198512" y="4361268"/>
            <a:ext cx="170460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vectors of state indices</a:t>
            </a:r>
          </a:p>
        </p:txBody>
      </p:sp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641717C1-7BEF-0037-D374-2E04A641460B}"/>
              </a:ext>
            </a:extLst>
          </p:cNvPr>
          <p:cNvCxnSpPr>
            <a:cxnSpLocks/>
          </p:cNvCxnSpPr>
          <p:nvPr/>
        </p:nvCxnSpPr>
        <p:spPr bwMode="auto">
          <a:xfrm>
            <a:off x="9267594" y="2657312"/>
            <a:ext cx="427218" cy="66158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9" name="TextBox 48">
            <a:extLst>
              <a:ext uri="{FF2B5EF4-FFF2-40B4-BE49-F238E27FC236}">
                <a16:creationId xmlns:a16="http://schemas.microsoft.com/office/drawing/2014/main" id="{E38CFD23-25B3-28D9-4F6C-6922D2ED8BFF}"/>
              </a:ext>
            </a:extLst>
          </p:cNvPr>
          <p:cNvSpPr txBox="1"/>
          <p:nvPr/>
        </p:nvSpPr>
        <p:spPr>
          <a:xfrm>
            <a:off x="8542487" y="1844824"/>
            <a:ext cx="1377843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initial states (rows)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7BC4A42A-8B9F-C2C9-09DA-A5E1D892A197}"/>
              </a:ext>
            </a:extLst>
          </p:cNvPr>
          <p:cNvSpPr txBox="1"/>
          <p:nvPr/>
        </p:nvSpPr>
        <p:spPr>
          <a:xfrm>
            <a:off x="10217377" y="2083321"/>
            <a:ext cx="1220089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Vector of end states (columns)</a:t>
            </a:r>
          </a:p>
        </p:txBody>
      </p:sp>
      <p:cxnSp>
        <p:nvCxnSpPr>
          <p:cNvPr id="51" name="Straight Arrow Connector 50">
            <a:extLst>
              <a:ext uri="{FF2B5EF4-FFF2-40B4-BE49-F238E27FC236}">
                <a16:creationId xmlns:a16="http://schemas.microsoft.com/office/drawing/2014/main" id="{6912C5C4-30FD-75EF-9E41-3096729048A6}"/>
              </a:ext>
            </a:extLst>
          </p:cNvPr>
          <p:cNvCxnSpPr>
            <a:cxnSpLocks/>
          </p:cNvCxnSpPr>
          <p:nvPr/>
        </p:nvCxnSpPr>
        <p:spPr bwMode="auto">
          <a:xfrm flipH="1">
            <a:off x="10333715" y="2901302"/>
            <a:ext cx="460637" cy="432116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508060535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0DB28036-6333-984B-9AB7-45D74EC52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The transition probability matrix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85A2A45-B1D6-6248-A08D-D7719EFAC6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5766" y="1397979"/>
            <a:ext cx="5400600" cy="4287181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8862C39A-E146-5C46-9F31-D1A7842CCFBB}"/>
              </a:ext>
            </a:extLst>
          </p:cNvPr>
          <p:cNvGrpSpPr/>
          <p:nvPr/>
        </p:nvGrpSpPr>
        <p:grpSpPr>
          <a:xfrm>
            <a:off x="2621990" y="1052736"/>
            <a:ext cx="3760454" cy="3760454"/>
            <a:chOff x="2693998" y="1601739"/>
            <a:chExt cx="3168352" cy="3168352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4C84E1F2-8A05-5F4C-8D0F-80760D97E9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93998" y="1601739"/>
              <a:ext cx="3168352" cy="3168352"/>
            </a:xfrm>
            <a:prstGeom prst="rect">
              <a:avLst/>
            </a:prstGeom>
          </p:spPr>
        </p:pic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TextBox 6">
                  <a:extLst>
                    <a:ext uri="{FF2B5EF4-FFF2-40B4-BE49-F238E27FC236}">
                      <a16:creationId xmlns:a16="http://schemas.microsoft.com/office/drawing/2014/main" id="{2D8C187A-F14F-414C-AC20-51717E49C310}"/>
                    </a:ext>
                  </a:extLst>
                </p:cNvPr>
                <p:cNvSpPr txBox="1"/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5E7039D-7A31-0948-A1D1-D38B8D52935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150113" y="3233017"/>
                  <a:ext cx="259815" cy="175433"/>
                </a:xfrm>
                <a:prstGeom prst="rect">
                  <a:avLst/>
                </a:prstGeom>
                <a:blipFill>
                  <a:blip r:embed="rId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8" name="TextBox 7">
                  <a:extLst>
                    <a:ext uri="{FF2B5EF4-FFF2-40B4-BE49-F238E27FC236}">
                      <a16:creationId xmlns:a16="http://schemas.microsoft.com/office/drawing/2014/main" id="{4514E2FB-E4ED-4B4D-8AED-E42BB6F40190}"/>
                    </a:ext>
                  </a:extLst>
                </p:cNvPr>
                <p:cNvSpPr txBox="1"/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B306528B-BC93-2245-8507-497D331FD30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49169" y="3840498"/>
                  <a:ext cx="180947" cy="175433"/>
                </a:xfrm>
                <a:prstGeom prst="rect">
                  <a:avLst/>
                </a:prstGeom>
                <a:blipFill>
                  <a:blip r:embed="rId9"/>
                  <a:stretch>
                    <a:fillRect l="-5556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9" name="Left Brace 8">
              <a:extLst>
                <a:ext uri="{FF2B5EF4-FFF2-40B4-BE49-F238E27FC236}">
                  <a16:creationId xmlns:a16="http://schemas.microsoft.com/office/drawing/2014/main" id="{02FF687F-903F-714A-9C7C-849352AB6D25}"/>
                </a:ext>
              </a:extLst>
            </p:cNvPr>
            <p:cNvSpPr/>
            <p:nvPr/>
          </p:nvSpPr>
          <p:spPr bwMode="auto">
            <a:xfrm>
              <a:off x="3430116" y="3663950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Left Brace 9">
              <a:extLst>
                <a:ext uri="{FF2B5EF4-FFF2-40B4-BE49-F238E27FC236}">
                  <a16:creationId xmlns:a16="http://schemas.microsoft.com/office/drawing/2014/main" id="{F9EA467A-63B7-DF4F-B948-32884216A3C2}"/>
                </a:ext>
              </a:extLst>
            </p:cNvPr>
            <p:cNvSpPr/>
            <p:nvPr/>
          </p:nvSpPr>
          <p:spPr bwMode="auto">
            <a:xfrm flipH="1">
              <a:off x="4487425" y="3663949"/>
              <a:ext cx="9481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96DA0ED8-331F-C746-AB48-3BFFC8F70136}"/>
                    </a:ext>
                  </a:extLst>
                </p:cNvPr>
                <p:cNvSpPr txBox="1"/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A9FD47-6C1E-8648-9BFD-77FC3FCFCDA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12067" y="3861048"/>
                  <a:ext cx="193771" cy="175433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2" name="Left Brace 11">
              <a:extLst>
                <a:ext uri="{FF2B5EF4-FFF2-40B4-BE49-F238E27FC236}">
                  <a16:creationId xmlns:a16="http://schemas.microsoft.com/office/drawing/2014/main" id="{F40A08D9-0D81-5B4A-9FD1-91F5251E82E8}"/>
                </a:ext>
              </a:extLst>
            </p:cNvPr>
            <p:cNvSpPr/>
            <p:nvPr/>
          </p:nvSpPr>
          <p:spPr bwMode="auto">
            <a:xfrm flipH="1">
              <a:off x="4998959" y="3034802"/>
              <a:ext cx="94818" cy="1258294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C50BD281-67A7-DA4F-91F8-3144186C250B}"/>
                    </a:ext>
                  </a:extLst>
                </p:cNvPr>
                <p:cNvSpPr txBox="1"/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𝜏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𝑐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1" name="TextBox 20">
                  <a:extLst>
                    <a:ext uri="{FF2B5EF4-FFF2-40B4-BE49-F238E27FC236}">
                      <a16:creationId xmlns:a16="http://schemas.microsoft.com/office/drawing/2014/main" id="{0299F385-E81F-0A47-8BE2-8B9A4259141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10778" y="3553555"/>
                  <a:ext cx="193769" cy="175433"/>
                </a:xfrm>
                <a:prstGeom prst="rect">
                  <a:avLst/>
                </a:prstGeom>
                <a:blipFill>
                  <a:blip r:embed="rId11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4" name="Left Brace 13">
              <a:extLst>
                <a:ext uri="{FF2B5EF4-FFF2-40B4-BE49-F238E27FC236}">
                  <a16:creationId xmlns:a16="http://schemas.microsoft.com/office/drawing/2014/main" id="{76917D32-78C5-8C46-8657-F9852826619F}"/>
                </a:ext>
              </a:extLst>
            </p:cNvPr>
            <p:cNvSpPr/>
            <p:nvPr/>
          </p:nvSpPr>
          <p:spPr bwMode="auto">
            <a:xfrm>
              <a:off x="3426929" y="3034802"/>
              <a:ext cx="116359" cy="629147"/>
            </a:xfrm>
            <a:prstGeom prst="leftBrace">
              <a:avLst>
                <a:gd name="adj1" fmla="val 160324"/>
                <a:gd name="adj2" fmla="val 50000"/>
              </a:avLst>
            </a:prstGeom>
            <a:noFill/>
            <a:ln w="19050" cap="flat" cmpd="sng" algn="ctr">
              <a:solidFill>
                <a:schemeClr val="accent2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ts val="36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3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8737B292-8825-AC48-BA53-3FA763F89743}"/>
                    </a:ext>
                  </a:extLst>
                </p:cNvPr>
                <p:cNvSpPr txBox="1"/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3" name="TextBox 22">
                  <a:extLst>
                    <a:ext uri="{FF2B5EF4-FFF2-40B4-BE49-F238E27FC236}">
                      <a16:creationId xmlns:a16="http://schemas.microsoft.com/office/drawing/2014/main" id="{BE628783-C824-E04E-8464-86FF0D810A3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871807" y="3081141"/>
                  <a:ext cx="348300" cy="526298"/>
                </a:xfrm>
                <a:prstGeom prst="rect">
                  <a:avLst/>
                </a:prstGeom>
                <a:blipFill>
                  <a:blip r:embed="rId12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30E2A9E-F7DD-DF47-9FC1-B7ACE748BD2B}"/>
                    </a:ext>
                  </a:extLst>
                </p:cNvPr>
                <p:cNvSpPr txBox="1"/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5" name="TextBox 24">
                  <a:extLst>
                    <a:ext uri="{FF2B5EF4-FFF2-40B4-BE49-F238E27FC236}">
                      <a16:creationId xmlns:a16="http://schemas.microsoft.com/office/drawing/2014/main" id="{0C22E051-F0A4-8E41-A004-6E1D2D93A1A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5204" y="3826068"/>
                  <a:ext cx="198644" cy="175433"/>
                </a:xfrm>
                <a:prstGeom prst="rect">
                  <a:avLst/>
                </a:prstGeom>
                <a:blipFill>
                  <a:blip r:embed="rId13"/>
                  <a:stretch>
                    <a:fillRect l="-5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CAFE5325-5AB3-E542-B5D1-353118144E77}"/>
                    </a:ext>
                  </a:extLst>
                </p:cNvPr>
                <p:cNvSpPr/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i="1">
                                <a:latin typeface="Cambria Math" panose="02040503050406030204" pitchFamily="18" charset="0"/>
                              </a:rPr>
                              <m:t>𝐴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6" name="Rectangle 5">
                  <a:extLst>
                    <a:ext uri="{FF2B5EF4-FFF2-40B4-BE49-F238E27FC236}">
                      <a16:creationId xmlns:a16="http://schemas.microsoft.com/office/drawing/2014/main" id="{8E75396F-7692-FF49-B0F2-5860855ED4EE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594139" y="3978522"/>
                  <a:ext cx="346582" cy="276999"/>
                </a:xfrm>
                <a:prstGeom prst="rect">
                  <a:avLst/>
                </a:prstGeom>
                <a:blipFill>
                  <a:blip r:embed="rId1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TextBox 17">
                  <a:extLst>
                    <a:ext uri="{FF2B5EF4-FFF2-40B4-BE49-F238E27FC236}">
                      <a16:creationId xmlns:a16="http://schemas.microsoft.com/office/drawing/2014/main" id="{8972F1DE-0381-DC44-A043-8D98440B7CCC}"/>
                    </a:ext>
                  </a:extLst>
                </p:cNvPr>
                <p:cNvSpPr txBox="1"/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6" name="TextBox 25">
                  <a:extLst>
                    <a:ext uri="{FF2B5EF4-FFF2-40B4-BE49-F238E27FC236}">
                      <a16:creationId xmlns:a16="http://schemas.microsoft.com/office/drawing/2014/main" id="{71546060-2DF3-1A43-8ADE-C51310733C8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76604" y="3826068"/>
                  <a:ext cx="204928" cy="175433"/>
                </a:xfrm>
                <a:prstGeom prst="rect">
                  <a:avLst/>
                </a:prstGeom>
                <a:blipFill>
                  <a:blip r:embed="rId15"/>
                  <a:stretch>
                    <a:fillRect l="-10000" b="-1111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Rectangle 18">
                  <a:extLst>
                    <a:ext uri="{FF2B5EF4-FFF2-40B4-BE49-F238E27FC236}">
                      <a16:creationId xmlns:a16="http://schemas.microsoft.com/office/drawing/2014/main" id="{A5C5D475-B9CF-F54E-925A-33AC2942E10F}"/>
                    </a:ext>
                  </a:extLst>
                </p:cNvPr>
                <p:cNvSpPr/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𝐵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7" name="Rectangle 26">
                  <a:extLst>
                    <a:ext uri="{FF2B5EF4-FFF2-40B4-BE49-F238E27FC236}">
                      <a16:creationId xmlns:a16="http://schemas.microsoft.com/office/drawing/2014/main" id="{4B83FFB6-2ADB-1D41-BA71-F5F42BBC6DF7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843" y="3978522"/>
                  <a:ext cx="346582" cy="276999"/>
                </a:xfrm>
                <a:prstGeom prst="rect">
                  <a:avLst/>
                </a:prstGeom>
                <a:blipFill>
                  <a:blip r:embed="rId16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xtBox 19">
                  <a:extLst>
                    <a:ext uri="{FF2B5EF4-FFF2-40B4-BE49-F238E27FC236}">
                      <a16:creationId xmlns:a16="http://schemas.microsoft.com/office/drawing/2014/main" id="{3EF687C2-C540-D94B-96B8-E06AF144224C}"/>
                    </a:ext>
                  </a:extLst>
                </p:cNvPr>
                <p:cNvSpPr txBox="1"/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8" name="TextBox 27">
                  <a:extLst>
                    <a:ext uri="{FF2B5EF4-FFF2-40B4-BE49-F238E27FC236}">
                      <a16:creationId xmlns:a16="http://schemas.microsoft.com/office/drawing/2014/main" id="{2657F71A-85F2-BD44-9764-61BCAAD618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506781" y="3253567"/>
                  <a:ext cx="197233" cy="175433"/>
                </a:xfrm>
                <a:prstGeom prst="rect">
                  <a:avLst/>
                </a:prstGeom>
                <a:blipFill>
                  <a:blip r:embed="rId17"/>
                  <a:stretch>
                    <a:fillRect l="-10000" b="-16667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Rectangle 20">
                  <a:extLst>
                    <a:ext uri="{FF2B5EF4-FFF2-40B4-BE49-F238E27FC236}">
                      <a16:creationId xmlns:a16="http://schemas.microsoft.com/office/drawing/2014/main" id="{A5664E4B-4230-1D45-B585-FDC473B8616D}"/>
                    </a:ext>
                  </a:extLst>
                </p:cNvPr>
                <p:cNvSpPr/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>
                    <a:lnSpc>
                      <a:spcPct val="100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i="1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𝐶</m:t>
                            </m:r>
                          </m:sub>
                        </m:sSub>
                      </m:oMath>
                    </m:oMathPara>
                  </a14:m>
                  <a:endParaRPr lang="en-DK" sz="1200" dirty="0"/>
                </a:p>
              </p:txBody>
            </p:sp>
          </mc:Choice>
          <mc:Fallback xmlns=""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8A40CDAD-2BB8-3641-B115-2A274948D935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90612" y="3412043"/>
                  <a:ext cx="346582" cy="276999"/>
                </a:xfrm>
                <a:prstGeom prst="rect">
                  <a:avLst/>
                </a:prstGeom>
                <a:blipFill>
                  <a:blip r:embed="rId18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2" name="TextBox 21">
                  <a:extLst>
                    <a:ext uri="{FF2B5EF4-FFF2-40B4-BE49-F238E27FC236}">
                      <a16:creationId xmlns:a16="http://schemas.microsoft.com/office/drawing/2014/main" id="{7223E048-5B1E-BB45-801A-4ED0507CB159}"/>
                    </a:ext>
                  </a:extLst>
                </p:cNvPr>
                <p:cNvSpPr txBox="1"/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DK" sz="120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i="1" dirty="0">
                    <a:latin typeface="Cambria Math" panose="02040503050406030204" pitchFamily="18" charset="0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𝜃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da-DK" sz="1200" b="0" dirty="0"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DK" sz="1200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e>
                          <m:sub>
                            <m:r>
                              <a:rPr lang="da-DK" sz="1200" b="0" i="1" smtClean="0">
                                <a:latin typeface="Cambria Math" panose="02040503050406030204" pitchFamily="18" charset="0"/>
                              </a:rPr>
                              <m:t>𝐴𝐵𝐶</m:t>
                            </m:r>
                          </m:sub>
                        </m:sSub>
                      </m:oMath>
                    </m:oMathPara>
                  </a14:m>
                  <a:endParaRPr lang="en-DK" sz="12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30" name="TextBox 29">
                  <a:extLst>
                    <a:ext uri="{FF2B5EF4-FFF2-40B4-BE49-F238E27FC236}">
                      <a16:creationId xmlns:a16="http://schemas.microsoft.com/office/drawing/2014/main" id="{30FA753B-68F2-9241-A360-D57F0FE6B4D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032454" y="2303422"/>
                  <a:ext cx="348300" cy="526298"/>
                </a:xfrm>
                <a:prstGeom prst="rect">
                  <a:avLst/>
                </a:prstGeom>
                <a:blipFill>
                  <a:blip r:embed="rId19"/>
                  <a:stretch>
                    <a:fillRect l="-2941"/>
                  </a:stretch>
                </a:blipFill>
              </p:spPr>
              <p:txBody>
                <a:bodyPr/>
                <a:lstStyle/>
                <a:p>
                  <a:r>
                    <a:rPr lang="en-DK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4100" name="Picture 4">
            <a:extLst>
              <a:ext uri="{FF2B5EF4-FFF2-40B4-BE49-F238E27FC236}">
                <a16:creationId xmlns:a16="http://schemas.microsoft.com/office/drawing/2014/main" id="{18DBBB0F-FB48-8F4B-BB09-0EE02B5A7D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51" b="6951"/>
          <a:stretch/>
        </p:blipFill>
        <p:spPr bwMode="auto">
          <a:xfrm>
            <a:off x="6454452" y="1268760"/>
            <a:ext cx="5384697" cy="46361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96414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pic>
        <p:nvPicPr>
          <p:cNvPr id="39" name="Picture 2">
            <a:extLst>
              <a:ext uri="{FF2B5EF4-FFF2-40B4-BE49-F238E27FC236}">
                <a16:creationId xmlns:a16="http://schemas.microsoft.com/office/drawing/2014/main" id="{957F928C-661E-B449-A70A-2F51791A57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1" name="Group 20">
            <a:extLst>
              <a:ext uri="{FF2B5EF4-FFF2-40B4-BE49-F238E27FC236}">
                <a16:creationId xmlns:a16="http://schemas.microsoft.com/office/drawing/2014/main" id="{74C4D2D7-68D0-E749-AED2-8E330E806B42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385CAFD1-65E0-8748-AE27-ADEB82C8E7B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06F4D2AD-631D-144C-990F-52F6CD9DE9B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16B82C46-B935-754A-B5AC-A98ED7771CA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29326CD5-B740-6D4D-97DA-A1138753A0A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ED408096-B621-7143-9A95-572A7B0E3B2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BD5216E1-B5F7-D44A-9548-F17A0F6D2F8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FEBB2FC4-3F40-EC4C-8B30-5040917AE4F1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9FC9EAE1-E606-AE45-9AEA-68805F03A166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AC5F82B7-0DB7-1343-A156-77CF12116DC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53A246F6-288A-D541-B5D4-0C1D4ECD75B6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5ADD550-76C8-8646-B77F-2999E46F98B6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AF17B2CB-FA22-3947-A152-5C39333041B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B162DCFD-ADC7-4C45-AF91-77342FCAF569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CC9EAF71-8F36-FB40-871B-D5E3A7EA30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1E50F36-360C-E540-8F5F-55B28128D59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0728DEB-B124-D24D-97BE-12071FBDDAD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53802023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Picture 2">
            <a:extLst>
              <a:ext uri="{FF2B5EF4-FFF2-40B4-BE49-F238E27FC236}">
                <a16:creationId xmlns:a16="http://schemas.microsoft.com/office/drawing/2014/main" id="{642D59FE-51F9-A240-9C35-4A654C3883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7" name="Group 46">
            <a:extLst>
              <a:ext uri="{FF2B5EF4-FFF2-40B4-BE49-F238E27FC236}">
                <a16:creationId xmlns:a16="http://schemas.microsoft.com/office/drawing/2014/main" id="{AF0251D4-6089-144C-8E40-8DA1886A4675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0E5C3E2-3062-9B46-A17A-9BAA0308154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C8BBEBF-8045-CC4A-8336-2194E329710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B2335C6-00CA-B742-A968-C90EE28A286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C4EBD371-9058-6B4F-8C83-4904E2FEF55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565EC7F7-56B7-8E47-BD65-3BE9E6EBBA7C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FF4FFF09-0FEB-C849-B1C6-5BCE2063B111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6315AB3D-C1C5-6542-974C-044009E22172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4C4C8B29-AA2E-F94C-879D-DF85C6BBFD05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16F99E6D-2FBB-1A42-8BAA-01ABA274DCF3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508AA09-49F8-A64D-BBFF-8C8E832060F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59B63E95-EC4F-AA44-98F8-E86FF33401C4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02788CB6-2C66-6942-AC9F-44A63632ED08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EB56AEC-CE07-944A-926B-67423CD81DDD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9C03AB05-A90F-394A-AD3A-06911E5DD80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65DC20CC-9F8B-F441-A59B-73DD847B46B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00A0109D-81C3-994D-8699-366A87E6882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05978D5D-2880-8343-841F-F3DC14BBD651}"/>
              </a:ext>
            </a:extLst>
          </p:cNvPr>
          <p:cNvSpPr/>
          <p:nvPr/>
        </p:nvSpPr>
        <p:spPr bwMode="auto">
          <a:xfrm>
            <a:off x="4704745" y="5136116"/>
            <a:ext cx="432048" cy="34431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2D7C036-544A-604A-A761-1A5B362A7209}"/>
              </a:ext>
            </a:extLst>
          </p:cNvPr>
          <p:cNvSpPr/>
          <p:nvPr/>
        </p:nvSpPr>
        <p:spPr bwMode="auto">
          <a:xfrm>
            <a:off x="4704745" y="3269256"/>
            <a:ext cx="432048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Freeform 39">
            <a:extLst>
              <a:ext uri="{FF2B5EF4-FFF2-40B4-BE49-F238E27FC236}">
                <a16:creationId xmlns:a16="http://schemas.microsoft.com/office/drawing/2014/main" id="{E6862645-C49C-CF4B-BED6-8A021F8DC62E}"/>
              </a:ext>
            </a:extLst>
          </p:cNvPr>
          <p:cNvSpPr/>
          <p:nvPr/>
        </p:nvSpPr>
        <p:spPr bwMode="auto">
          <a:xfrm>
            <a:off x="1013884" y="3754876"/>
            <a:ext cx="289622" cy="1381201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  <a:gd name="connsiteX0" fmla="*/ 185872 w 280874"/>
              <a:gd name="connsiteY0" fmla="*/ 2895218 h 2895218"/>
              <a:gd name="connsiteX1" fmla="*/ 133813 w 280874"/>
              <a:gd name="connsiteY1" fmla="*/ 1604101 h 2895218"/>
              <a:gd name="connsiteX2" fmla="*/ 7742 w 280874"/>
              <a:gd name="connsiteY2" fmla="*/ 235145 h 2895218"/>
              <a:gd name="connsiteX3" fmla="*/ 280874 w 280874"/>
              <a:gd name="connsiteY3" fmla="*/ 3576 h 28952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0874" h="2895218">
                <a:moveTo>
                  <a:pt x="185872" y="2895218"/>
                </a:moveTo>
                <a:cubicBezTo>
                  <a:pt x="151948" y="1586688"/>
                  <a:pt x="163501" y="2047446"/>
                  <a:pt x="133813" y="1604101"/>
                </a:cubicBezTo>
                <a:cubicBezTo>
                  <a:pt x="104125" y="1160755"/>
                  <a:pt x="-33821" y="485516"/>
                  <a:pt x="7742" y="235145"/>
                </a:cubicBezTo>
                <a:cubicBezTo>
                  <a:pt x="49305" y="-15226"/>
                  <a:pt x="165089" y="-5825"/>
                  <a:pt x="280874" y="357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462903" y="3754876"/>
            <a:ext cx="902791" cy="1941249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293615 w 847288"/>
              <a:gd name="connsiteY3" fmla="*/ 2018147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581969 w 847288"/>
              <a:gd name="connsiteY4" fmla="*/ 2813584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  <a:gd name="connsiteX0" fmla="*/ 0 w 847288"/>
              <a:gd name="connsiteY0" fmla="*/ 4790 h 3452665"/>
              <a:gd name="connsiteX1" fmla="*/ 226458 w 847288"/>
              <a:gd name="connsiteY1" fmla="*/ 89899 h 3452665"/>
              <a:gd name="connsiteX2" fmla="*/ 287169 w 847288"/>
              <a:gd name="connsiteY2" fmla="*/ 704061 h 3452665"/>
              <a:gd name="connsiteX3" fmla="*/ 524899 w 847288"/>
              <a:gd name="connsiteY3" fmla="*/ 1937408 h 3452665"/>
              <a:gd name="connsiteX4" fmla="*/ 721957 w 847288"/>
              <a:gd name="connsiteY4" fmla="*/ 2778982 h 3452665"/>
              <a:gd name="connsiteX5" fmla="*/ 847288 w 847288"/>
              <a:gd name="connsiteY5" fmla="*/ 3452665 h 3452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7288" h="3452665">
                <a:moveTo>
                  <a:pt x="0" y="4790"/>
                </a:moveTo>
                <a:cubicBezTo>
                  <a:pt x="56626" y="2693"/>
                  <a:pt x="178597" y="-26646"/>
                  <a:pt x="226458" y="89899"/>
                </a:cubicBezTo>
                <a:cubicBezTo>
                  <a:pt x="274319" y="206444"/>
                  <a:pt x="237429" y="396143"/>
                  <a:pt x="287169" y="704061"/>
                </a:cubicBezTo>
                <a:cubicBezTo>
                  <a:pt x="336909" y="1011979"/>
                  <a:pt x="452434" y="1591588"/>
                  <a:pt x="524899" y="1937408"/>
                </a:cubicBezTo>
                <a:cubicBezTo>
                  <a:pt x="597364" y="2283228"/>
                  <a:pt x="629678" y="2401486"/>
                  <a:pt x="721957" y="2778982"/>
                </a:cubicBezTo>
                <a:cubicBezTo>
                  <a:pt x="795976" y="3098806"/>
                  <a:pt x="830510" y="3412817"/>
                  <a:pt x="847288" y="3452665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  <a:endCxn id="64" idx="2"/>
          </p:cNvCxnSpPr>
          <p:nvPr/>
        </p:nvCxnSpPr>
        <p:spPr bwMode="auto">
          <a:xfrm>
            <a:off x="1394003" y="1396917"/>
            <a:ext cx="0" cy="187233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5" name="Freeform 44">
            <a:extLst>
              <a:ext uri="{FF2B5EF4-FFF2-40B4-BE49-F238E27FC236}">
                <a16:creationId xmlns:a16="http://schemas.microsoft.com/office/drawing/2014/main" id="{2441E0DC-2D9E-C94F-9B88-2AEBA4BEA640}"/>
              </a:ext>
            </a:extLst>
          </p:cNvPr>
          <p:cNvSpPr/>
          <p:nvPr/>
        </p:nvSpPr>
        <p:spPr bwMode="auto">
          <a:xfrm>
            <a:off x="1298796" y="5300851"/>
            <a:ext cx="164108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20404276-1584-6347-895D-7F48F01781C0}"/>
              </a:ext>
            </a:extLst>
          </p:cNvPr>
          <p:cNvSpPr/>
          <p:nvPr/>
        </p:nvSpPr>
        <p:spPr bwMode="auto">
          <a:xfrm flipH="1">
            <a:off x="911481" y="5293936"/>
            <a:ext cx="181757" cy="389396"/>
          </a:xfrm>
          <a:custGeom>
            <a:avLst/>
            <a:gdLst>
              <a:gd name="connsiteX0" fmla="*/ 0 w 163078"/>
              <a:gd name="connsiteY0" fmla="*/ 23510 h 402083"/>
              <a:gd name="connsiteX1" fmla="*/ 104836 w 163078"/>
              <a:gd name="connsiteY1" fmla="*/ 40982 h 402083"/>
              <a:gd name="connsiteX2" fmla="*/ 163078 w 163078"/>
              <a:gd name="connsiteY2" fmla="*/ 402083 h 402083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63078 w 163078"/>
              <a:gd name="connsiteY2" fmla="*/ 383261 h 383261"/>
              <a:gd name="connsiteX0" fmla="*/ 0 w 172762"/>
              <a:gd name="connsiteY0" fmla="*/ 4688 h 383261"/>
              <a:gd name="connsiteX1" fmla="*/ 151429 w 172762"/>
              <a:gd name="connsiteY1" fmla="*/ 109524 h 383261"/>
              <a:gd name="connsiteX2" fmla="*/ 163078 w 172762"/>
              <a:gd name="connsiteY2" fmla="*/ 383261 h 383261"/>
              <a:gd name="connsiteX0" fmla="*/ 0 w 166833"/>
              <a:gd name="connsiteY0" fmla="*/ 4688 h 383261"/>
              <a:gd name="connsiteX1" fmla="*/ 151429 w 166833"/>
              <a:gd name="connsiteY1" fmla="*/ 109524 h 383261"/>
              <a:gd name="connsiteX2" fmla="*/ 163078 w 166833"/>
              <a:gd name="connsiteY2" fmla="*/ 243480 h 383261"/>
              <a:gd name="connsiteX3" fmla="*/ 163078 w 166833"/>
              <a:gd name="connsiteY3" fmla="*/ 383261 h 383261"/>
              <a:gd name="connsiteX0" fmla="*/ 0 w 163078"/>
              <a:gd name="connsiteY0" fmla="*/ 4688 h 383261"/>
              <a:gd name="connsiteX1" fmla="*/ 151429 w 163078"/>
              <a:gd name="connsiteY1" fmla="*/ 109524 h 383261"/>
              <a:gd name="connsiteX2" fmla="*/ 140313 w 163078"/>
              <a:gd name="connsiteY2" fmla="*/ 247274 h 383261"/>
              <a:gd name="connsiteX3" fmla="*/ 163078 w 163078"/>
              <a:gd name="connsiteY3" fmla="*/ 383261 h 383261"/>
              <a:gd name="connsiteX0" fmla="*/ 0 w 164108"/>
              <a:gd name="connsiteY0" fmla="*/ 10823 h 389396"/>
              <a:gd name="connsiteX1" fmla="*/ 155223 w 164108"/>
              <a:gd name="connsiteY1" fmla="*/ 62541 h 389396"/>
              <a:gd name="connsiteX2" fmla="*/ 140313 w 164108"/>
              <a:gd name="connsiteY2" fmla="*/ 253409 h 389396"/>
              <a:gd name="connsiteX3" fmla="*/ 163078 w 164108"/>
              <a:gd name="connsiteY3" fmla="*/ 389396 h 3893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08" h="389396">
                <a:moveTo>
                  <a:pt x="0" y="10823"/>
                </a:moveTo>
                <a:cubicBezTo>
                  <a:pt x="38828" y="-11989"/>
                  <a:pt x="128043" y="-555"/>
                  <a:pt x="155223" y="62541"/>
                </a:cubicBezTo>
                <a:cubicBezTo>
                  <a:pt x="182403" y="102340"/>
                  <a:pt x="138372" y="207786"/>
                  <a:pt x="140313" y="253409"/>
                </a:cubicBezTo>
                <a:cubicBezTo>
                  <a:pt x="142255" y="299032"/>
                  <a:pt x="163078" y="366099"/>
                  <a:pt x="163078" y="389396"/>
                </a:cubicBezTo>
              </a:path>
            </a:pathLst>
          </a:cu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E41878A-AA5D-0A49-997C-98EB56EA6102}"/>
              </a:ext>
            </a:extLst>
          </p:cNvPr>
          <p:cNvSpPr/>
          <p:nvPr/>
        </p:nvSpPr>
        <p:spPr bwMode="auto">
          <a:xfrm flipV="1">
            <a:off x="1303124" y="3269256"/>
            <a:ext cx="181758" cy="974803"/>
          </a:xfrm>
          <a:prstGeom prst="rect">
            <a:avLst/>
          </a:prstGeom>
          <a:solidFill>
            <a:schemeClr val="tx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3EED82C2-FC28-9541-91B7-88E24E4F1AF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84839" cy="354200"/>
              </a:xfrm>
              <a:prstGeom prst="rect">
                <a:avLst/>
              </a:prstGeom>
              <a:blipFill>
                <a:blip r:embed="rId5"/>
                <a:stretch>
                  <a:fillRect l="-10638" t="-3448" r="-212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Rectangle 32">
            <a:extLst>
              <a:ext uri="{FF2B5EF4-FFF2-40B4-BE49-F238E27FC236}">
                <a16:creationId xmlns:a16="http://schemas.microsoft.com/office/drawing/2014/main" id="{FD2AF1CE-D06B-A446-A281-40BC45BE608E}"/>
              </a:ext>
            </a:extLst>
          </p:cNvPr>
          <p:cNvSpPr/>
          <p:nvPr/>
        </p:nvSpPr>
        <p:spPr bwMode="auto">
          <a:xfrm>
            <a:off x="1105052" y="5135045"/>
            <a:ext cx="181758" cy="344311"/>
          </a:xfrm>
          <a:prstGeom prst="rect">
            <a:avLst/>
          </a:prstGeom>
          <a:solidFill>
            <a:srgbClr val="A9A9A9"/>
          </a:solidFill>
          <a:ln w="38100" cap="flat" cmpd="sng" algn="ctr">
            <a:solidFill>
              <a:srgbClr val="A9A9A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7884568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>
            <a:extLst>
              <a:ext uri="{FF2B5EF4-FFF2-40B4-BE49-F238E27FC236}">
                <a16:creationId xmlns:a16="http://schemas.microsoft.com/office/drawing/2014/main" id="{FD17BD05-2B4F-9849-8822-F8404AD9CC27}"/>
              </a:ext>
            </a:extLst>
          </p:cNvPr>
          <p:cNvGrpSpPr/>
          <p:nvPr/>
        </p:nvGrpSpPr>
        <p:grpSpPr>
          <a:xfrm>
            <a:off x="693812" y="1396917"/>
            <a:ext cx="1872208" cy="4296493"/>
            <a:chOff x="693812" y="1540933"/>
            <a:chExt cx="1541417" cy="4296493"/>
          </a:xfrm>
        </p:grpSpPr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9AC91696-8955-2D47-A664-8392D6AF3F44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93812" y="5614227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851F1FEF-6014-A544-A8FE-7CA601B12670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4395027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064EE540-7544-B649-835D-5F7DB2A68655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032473" y="5614226"/>
              <a:ext cx="71920" cy="222129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1A1E4FE-8A3D-7142-8D41-1D1C1EE3DDDB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104393" y="5614226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AB46A604-4669-1449-8117-41BB4D24DC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5613155"/>
              <a:ext cx="72000" cy="223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5BF672A5-9583-B142-8ED7-4D9B6248A65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443054" y="4393955"/>
              <a:ext cx="0" cy="1219200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CDBD01FE-B60B-1E48-9983-C3678C79D62E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44305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2F168F0E-D548-6343-870B-0C15993016AD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1781714" y="4393954"/>
              <a:ext cx="453515" cy="144240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4CA38D6C-A6E3-FA4A-B050-739DC9FF412B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765732" y="1540933"/>
              <a:ext cx="0" cy="2853021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9778B17C-E0D9-6947-A3A7-15F1A4A8FCE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1781714" y="1546578"/>
              <a:ext cx="0" cy="2847376"/>
            </a:xfrm>
            <a:prstGeom prst="line">
              <a:avLst/>
            </a:prstGeom>
            <a:solidFill>
              <a:schemeClr val="accent2"/>
            </a:solidFill>
            <a:ln w="38100" cap="flat" cmpd="sng" algn="ctr">
              <a:solidFill>
                <a:schemeClr val="tx1">
                  <a:lumMod val="50000"/>
                  <a:lumOff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F4A92F47-ACC1-1548-991A-6DFC9880F171}"/>
                </a:ext>
              </a:extLst>
            </p:cNvPr>
            <p:cNvCxnSpPr/>
            <p:nvPr/>
          </p:nvCxnSpPr>
          <p:spPr bwMode="auto">
            <a:xfrm>
              <a:off x="765732" y="3417711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B99BD059-871B-7A4A-A2F1-E00453446C7A}"/>
                </a:ext>
              </a:extLst>
            </p:cNvPr>
            <p:cNvCxnSpPr/>
            <p:nvPr/>
          </p:nvCxnSpPr>
          <p:spPr bwMode="auto">
            <a:xfrm>
              <a:off x="765732" y="1735667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13BA33FD-7FBE-7241-84F6-1FBD6AA6C708}"/>
                </a:ext>
              </a:extLst>
            </p:cNvPr>
            <p:cNvCxnSpPr/>
            <p:nvPr/>
          </p:nvCxnSpPr>
          <p:spPr bwMode="auto">
            <a:xfrm>
              <a:off x="765732" y="4393954"/>
              <a:ext cx="101598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C9BD8FD7-EB7E-844C-B63B-0FDFD349F3C5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4885021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DA0781DB-3E53-634B-A980-FB2F2279D738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5732" y="5280132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ysDot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7054F031-41E7-9240-B556-64D6BFD0B476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71376" y="5624443"/>
              <a:ext cx="677322" cy="0"/>
            </a:xfrm>
            <a:prstGeom prst="line">
              <a:avLst/>
            </a:prstGeom>
            <a:solidFill>
              <a:schemeClr val="accent2"/>
            </a:solidFill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pic>
        <p:nvPicPr>
          <p:cNvPr id="36" name="Picture 2">
            <a:extLst>
              <a:ext uri="{FF2B5EF4-FFF2-40B4-BE49-F238E27FC236}">
                <a16:creationId xmlns:a16="http://schemas.microsoft.com/office/drawing/2014/main" id="{3EB37451-8890-344C-BC2C-D73F9AF2E4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10034" y="1340768"/>
            <a:ext cx="9334772" cy="466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3">
            <a:extLst>
              <a:ext uri="{FF2B5EF4-FFF2-40B4-BE49-F238E27FC236}">
                <a16:creationId xmlns:a16="http://schemas.microsoft.com/office/drawing/2014/main" id="{AD458EB6-4801-764A-9BC7-FB000156C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Simulating from the model</a:t>
            </a:r>
          </a:p>
        </p:txBody>
      </p:sp>
      <p:sp>
        <p:nvSpPr>
          <p:cNvPr id="41" name="Freeform 40">
            <a:extLst>
              <a:ext uri="{FF2B5EF4-FFF2-40B4-BE49-F238E27FC236}">
                <a16:creationId xmlns:a16="http://schemas.microsoft.com/office/drawing/2014/main" id="{FC1FF30B-3EC7-814D-9633-72EDB7CD6294}"/>
              </a:ext>
            </a:extLst>
          </p:cNvPr>
          <p:cNvSpPr/>
          <p:nvPr/>
        </p:nvSpPr>
        <p:spPr bwMode="auto">
          <a:xfrm>
            <a:off x="1691524" y="3772705"/>
            <a:ext cx="674172" cy="1923420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9681" h="3450592">
                <a:moveTo>
                  <a:pt x="0" y="63"/>
                </a:moveTo>
                <a:cubicBezTo>
                  <a:pt x="56626" y="-2034"/>
                  <a:pt x="87429" y="47250"/>
                  <a:pt x="107344" y="245995"/>
                </a:cubicBezTo>
                <a:cubicBezTo>
                  <a:pt x="127259" y="444740"/>
                  <a:pt x="101113" y="899228"/>
                  <a:pt x="119492" y="1192532"/>
                </a:cubicBezTo>
                <a:cubicBezTo>
                  <a:pt x="137871" y="1485836"/>
                  <a:pt x="157337" y="1520470"/>
                  <a:pt x="217617" y="2005817"/>
                </a:cubicBezTo>
                <a:cubicBezTo>
                  <a:pt x="277897" y="2491164"/>
                  <a:pt x="353908" y="3125864"/>
                  <a:pt x="399681" y="3450592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9E252C1D-2F1B-A044-B328-BE60F3A446B4}"/>
              </a:ext>
            </a:extLst>
          </p:cNvPr>
          <p:cNvCxnSpPr>
            <a:cxnSpLocks/>
          </p:cNvCxnSpPr>
          <p:nvPr/>
        </p:nvCxnSpPr>
        <p:spPr bwMode="auto">
          <a:xfrm>
            <a:off x="1251005" y="1396917"/>
            <a:ext cx="0" cy="192381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Freeform 31">
            <a:extLst>
              <a:ext uri="{FF2B5EF4-FFF2-40B4-BE49-F238E27FC236}">
                <a16:creationId xmlns:a16="http://schemas.microsoft.com/office/drawing/2014/main" id="{DC0C79AC-19F3-414C-8718-E30A2E3152E4}"/>
              </a:ext>
            </a:extLst>
          </p:cNvPr>
          <p:cNvSpPr/>
          <p:nvPr/>
        </p:nvSpPr>
        <p:spPr bwMode="auto">
          <a:xfrm>
            <a:off x="895035" y="2420888"/>
            <a:ext cx="281740" cy="3258055"/>
          </a:xfrm>
          <a:custGeom>
            <a:avLst/>
            <a:gdLst>
              <a:gd name="connsiteX0" fmla="*/ 197048 w 292050"/>
              <a:gd name="connsiteY0" fmla="*/ 2895218 h 2895218"/>
              <a:gd name="connsiteX1" fmla="*/ 42669 w 292050"/>
              <a:gd name="connsiteY1" fmla="*/ 1505805 h 2895218"/>
              <a:gd name="connsiteX2" fmla="*/ 18918 w 292050"/>
              <a:gd name="connsiteY2" fmla="*/ 235145 h 2895218"/>
              <a:gd name="connsiteX3" fmla="*/ 292050 w 292050"/>
              <a:gd name="connsiteY3" fmla="*/ 3576 h 2895218"/>
              <a:gd name="connsiteX0" fmla="*/ 224728 w 319730"/>
              <a:gd name="connsiteY0" fmla="*/ 2895218 h 2895218"/>
              <a:gd name="connsiteX1" fmla="*/ 13982 w 319730"/>
              <a:gd name="connsiteY1" fmla="*/ 610194 h 2895218"/>
              <a:gd name="connsiteX2" fmla="*/ 46598 w 319730"/>
              <a:gd name="connsiteY2" fmla="*/ 235145 h 2895218"/>
              <a:gd name="connsiteX3" fmla="*/ 319730 w 319730"/>
              <a:gd name="connsiteY3" fmla="*/ 3576 h 2895218"/>
              <a:gd name="connsiteX0" fmla="*/ 27062 w 341269"/>
              <a:gd name="connsiteY0" fmla="*/ 1035103 h 1035103"/>
              <a:gd name="connsiteX1" fmla="*/ 35521 w 341269"/>
              <a:gd name="connsiteY1" fmla="*/ 610194 h 1035103"/>
              <a:gd name="connsiteX2" fmla="*/ 68137 w 341269"/>
              <a:gd name="connsiteY2" fmla="*/ 235145 h 1035103"/>
              <a:gd name="connsiteX3" fmla="*/ 341269 w 341269"/>
              <a:gd name="connsiteY3" fmla="*/ 3576 h 1035103"/>
              <a:gd name="connsiteX0" fmla="*/ 0 w 314207"/>
              <a:gd name="connsiteY0" fmla="*/ 1035103 h 1035103"/>
              <a:gd name="connsiteX1" fmla="*/ 41075 w 314207"/>
              <a:gd name="connsiteY1" fmla="*/ 235145 h 1035103"/>
              <a:gd name="connsiteX2" fmla="*/ 314207 w 314207"/>
              <a:gd name="connsiteY2" fmla="*/ 3576 h 1035103"/>
              <a:gd name="connsiteX0" fmla="*/ 23646 w 337853"/>
              <a:gd name="connsiteY0" fmla="*/ 1033231 h 1033231"/>
              <a:gd name="connsiteX1" fmla="*/ 20880 w 337853"/>
              <a:gd name="connsiteY1" fmla="*/ 264588 h 1033231"/>
              <a:gd name="connsiteX2" fmla="*/ 337853 w 337853"/>
              <a:gd name="connsiteY2" fmla="*/ 1704 h 1033231"/>
              <a:gd name="connsiteX0" fmla="*/ 44459 w 333614"/>
              <a:gd name="connsiteY0" fmla="*/ 1039494 h 1039494"/>
              <a:gd name="connsiteX1" fmla="*/ 16641 w 333614"/>
              <a:gd name="connsiteY1" fmla="*/ 264588 h 1039494"/>
              <a:gd name="connsiteX2" fmla="*/ 333614 w 333614"/>
              <a:gd name="connsiteY2" fmla="*/ 1704 h 1039494"/>
              <a:gd name="connsiteX0" fmla="*/ 48094 w 337249"/>
              <a:gd name="connsiteY0" fmla="*/ 1039494 h 1039494"/>
              <a:gd name="connsiteX1" fmla="*/ 20276 w 337249"/>
              <a:gd name="connsiteY1" fmla="*/ 264588 h 1039494"/>
              <a:gd name="connsiteX2" fmla="*/ 337249 w 337249"/>
              <a:gd name="connsiteY2" fmla="*/ 1704 h 1039494"/>
              <a:gd name="connsiteX0" fmla="*/ 126463 w 327936"/>
              <a:gd name="connsiteY0" fmla="*/ 1891263 h 1891263"/>
              <a:gd name="connsiteX1" fmla="*/ 10963 w 327936"/>
              <a:gd name="connsiteY1" fmla="*/ 264588 h 1891263"/>
              <a:gd name="connsiteX2" fmla="*/ 327936 w 327936"/>
              <a:gd name="connsiteY2" fmla="*/ 1704 h 1891263"/>
              <a:gd name="connsiteX0" fmla="*/ 25116 w 226589"/>
              <a:gd name="connsiteY0" fmla="*/ 1891068 h 1891068"/>
              <a:gd name="connsiteX1" fmla="*/ 28613 w 226589"/>
              <a:gd name="connsiteY1" fmla="*/ 270656 h 1891068"/>
              <a:gd name="connsiteX2" fmla="*/ 226589 w 226589"/>
              <a:gd name="connsiteY2" fmla="*/ 1509 h 1891068"/>
              <a:gd name="connsiteX0" fmla="*/ 33551 w 235024"/>
              <a:gd name="connsiteY0" fmla="*/ 1891068 h 1891068"/>
              <a:gd name="connsiteX1" fmla="*/ 8 w 235024"/>
              <a:gd name="connsiteY1" fmla="*/ 972014 h 1891068"/>
              <a:gd name="connsiteX2" fmla="*/ 37048 w 235024"/>
              <a:gd name="connsiteY2" fmla="*/ 270656 h 1891068"/>
              <a:gd name="connsiteX3" fmla="*/ 235024 w 235024"/>
              <a:gd name="connsiteY3" fmla="*/ 1509 h 1891068"/>
              <a:gd name="connsiteX0" fmla="*/ 5398 w 206871"/>
              <a:gd name="connsiteY0" fmla="*/ 1891068 h 1891068"/>
              <a:gd name="connsiteX1" fmla="*/ 72063 w 206871"/>
              <a:gd name="connsiteY1" fmla="*/ 978277 h 1891068"/>
              <a:gd name="connsiteX2" fmla="*/ 8895 w 206871"/>
              <a:gd name="connsiteY2" fmla="*/ 270656 h 1891068"/>
              <a:gd name="connsiteX3" fmla="*/ 206871 w 206871"/>
              <a:gd name="connsiteY3" fmla="*/ 1509 h 1891068"/>
              <a:gd name="connsiteX0" fmla="*/ 23061 w 224534"/>
              <a:gd name="connsiteY0" fmla="*/ 1892596 h 1892596"/>
              <a:gd name="connsiteX1" fmla="*/ 89726 w 224534"/>
              <a:gd name="connsiteY1" fmla="*/ 979805 h 1892596"/>
              <a:gd name="connsiteX2" fmla="*/ 7769 w 224534"/>
              <a:gd name="connsiteY2" fmla="*/ 240869 h 1892596"/>
              <a:gd name="connsiteX3" fmla="*/ 224534 w 224534"/>
              <a:gd name="connsiteY3" fmla="*/ 3037 h 1892596"/>
              <a:gd name="connsiteX0" fmla="*/ 23061 w 224534"/>
              <a:gd name="connsiteY0" fmla="*/ 1891828 h 1891828"/>
              <a:gd name="connsiteX1" fmla="*/ 89726 w 224534"/>
              <a:gd name="connsiteY1" fmla="*/ 979037 h 1891828"/>
              <a:gd name="connsiteX2" fmla="*/ 7769 w 224534"/>
              <a:gd name="connsiteY2" fmla="*/ 240101 h 1891828"/>
              <a:gd name="connsiteX3" fmla="*/ 224534 w 224534"/>
              <a:gd name="connsiteY3" fmla="*/ 2269 h 1891828"/>
              <a:gd name="connsiteX0" fmla="*/ 23061 w 224534"/>
              <a:gd name="connsiteY0" fmla="*/ 1894350 h 1894350"/>
              <a:gd name="connsiteX1" fmla="*/ 89726 w 224534"/>
              <a:gd name="connsiteY1" fmla="*/ 981559 h 1894350"/>
              <a:gd name="connsiteX2" fmla="*/ 7769 w 224534"/>
              <a:gd name="connsiteY2" fmla="*/ 242623 h 1894350"/>
              <a:gd name="connsiteX3" fmla="*/ 224534 w 224534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  <a:gd name="connsiteX0" fmla="*/ 15329 w 216802"/>
              <a:gd name="connsiteY0" fmla="*/ 1894350 h 1894350"/>
              <a:gd name="connsiteX1" fmla="*/ 81994 w 216802"/>
              <a:gd name="connsiteY1" fmla="*/ 981559 h 1894350"/>
              <a:gd name="connsiteX2" fmla="*/ 37 w 216802"/>
              <a:gd name="connsiteY2" fmla="*/ 242623 h 1894350"/>
              <a:gd name="connsiteX3" fmla="*/ 216802 w 216802"/>
              <a:gd name="connsiteY3" fmla="*/ 4791 h 18943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6802" h="1894350">
                <a:moveTo>
                  <a:pt x="15329" y="1894350"/>
                </a:moveTo>
                <a:cubicBezTo>
                  <a:pt x="153788" y="1428023"/>
                  <a:pt x="106463" y="1307995"/>
                  <a:pt x="81994" y="981559"/>
                </a:cubicBezTo>
                <a:cubicBezTo>
                  <a:pt x="38736" y="611282"/>
                  <a:pt x="29761" y="492056"/>
                  <a:pt x="37" y="242623"/>
                </a:cubicBezTo>
                <a:cubicBezTo>
                  <a:pt x="-2241" y="-26537"/>
                  <a:pt x="101017" y="-4610"/>
                  <a:pt x="216802" y="479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318C0CF-6D91-F346-9DF5-090035678DDF}"/>
              </a:ext>
            </a:extLst>
          </p:cNvPr>
          <p:cNvSpPr/>
          <p:nvPr/>
        </p:nvSpPr>
        <p:spPr bwMode="auto">
          <a:xfrm>
            <a:off x="1160126" y="1589298"/>
            <a:ext cx="181758" cy="1678676"/>
          </a:xfrm>
          <a:prstGeom prst="rect">
            <a:avLst/>
          </a:prstGeom>
          <a:solidFill>
            <a:srgbClr val="009E73"/>
          </a:solidFill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/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FC5FB1F2-B0C1-5E45-82C9-58357E663E9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36971" y="986568"/>
                <a:ext cx="591444" cy="354969"/>
              </a:xfrm>
              <a:prstGeom prst="rect">
                <a:avLst/>
              </a:prstGeom>
              <a:blipFill>
                <a:blip r:embed="rId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7" name="Rectangle 36">
            <a:extLst>
              <a:ext uri="{FF2B5EF4-FFF2-40B4-BE49-F238E27FC236}">
                <a16:creationId xmlns:a16="http://schemas.microsoft.com/office/drawing/2014/main" id="{C4F9AD04-F12F-174E-9AB6-CC389DB27B62}"/>
              </a:ext>
            </a:extLst>
          </p:cNvPr>
          <p:cNvSpPr/>
          <p:nvPr/>
        </p:nvSpPr>
        <p:spPr bwMode="auto">
          <a:xfrm>
            <a:off x="5142155" y="1589298"/>
            <a:ext cx="182880" cy="1679957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266290C-2160-334F-AFDF-A7491C0ADA4E}"/>
              </a:ext>
            </a:extLst>
          </p:cNvPr>
          <p:cNvSpPr/>
          <p:nvPr/>
        </p:nvSpPr>
        <p:spPr bwMode="auto">
          <a:xfrm>
            <a:off x="5142155" y="3269256"/>
            <a:ext cx="182880" cy="980681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Freeform 38">
            <a:extLst>
              <a:ext uri="{FF2B5EF4-FFF2-40B4-BE49-F238E27FC236}">
                <a16:creationId xmlns:a16="http://schemas.microsoft.com/office/drawing/2014/main" id="{A4BA6EE8-D983-0A45-B94B-B49605E7E688}"/>
              </a:ext>
            </a:extLst>
          </p:cNvPr>
          <p:cNvSpPr/>
          <p:nvPr/>
        </p:nvSpPr>
        <p:spPr bwMode="auto">
          <a:xfrm flipH="1">
            <a:off x="1300095" y="3772705"/>
            <a:ext cx="202065" cy="1929396"/>
          </a:xfrm>
          <a:custGeom>
            <a:avLst/>
            <a:gdLst>
              <a:gd name="connsiteX0" fmla="*/ 0 w 847288"/>
              <a:gd name="connsiteY0" fmla="*/ 50370 h 3498245"/>
              <a:gd name="connsiteX1" fmla="*/ 159391 w 847288"/>
              <a:gd name="connsiteY1" fmla="*/ 67148 h 3498245"/>
              <a:gd name="connsiteX2" fmla="*/ 276837 w 847288"/>
              <a:gd name="connsiteY2" fmla="*/ 176204 h 3498245"/>
              <a:gd name="connsiteX3" fmla="*/ 293615 w 847288"/>
              <a:gd name="connsiteY3" fmla="*/ 2063727 h 3498245"/>
              <a:gd name="connsiteX4" fmla="*/ 721454 w 847288"/>
              <a:gd name="connsiteY4" fmla="*/ 3179463 h 3498245"/>
              <a:gd name="connsiteX5" fmla="*/ 847288 w 847288"/>
              <a:gd name="connsiteY5" fmla="*/ 3498245 h 3498245"/>
              <a:gd name="connsiteX0" fmla="*/ 0 w 847288"/>
              <a:gd name="connsiteY0" fmla="*/ 40302 h 3488177"/>
              <a:gd name="connsiteX1" fmla="*/ 159391 w 847288"/>
              <a:gd name="connsiteY1" fmla="*/ 57080 h 3488177"/>
              <a:gd name="connsiteX2" fmla="*/ 287169 w 847288"/>
              <a:gd name="connsiteY2" fmla="*/ 739573 h 3488177"/>
              <a:gd name="connsiteX3" fmla="*/ 293615 w 847288"/>
              <a:gd name="connsiteY3" fmla="*/ 2053659 h 3488177"/>
              <a:gd name="connsiteX4" fmla="*/ 721454 w 847288"/>
              <a:gd name="connsiteY4" fmla="*/ 3169395 h 3488177"/>
              <a:gd name="connsiteX5" fmla="*/ 847288 w 847288"/>
              <a:gd name="connsiteY5" fmla="*/ 3488177 h 3488177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721454 w 847288"/>
              <a:gd name="connsiteY4" fmla="*/ 3129229 h 3448011"/>
              <a:gd name="connsiteX5" fmla="*/ 847288 w 847288"/>
              <a:gd name="connsiteY5" fmla="*/ 3448011 h 3448011"/>
              <a:gd name="connsiteX0" fmla="*/ 0 w 847288"/>
              <a:gd name="connsiteY0" fmla="*/ 136 h 3448011"/>
              <a:gd name="connsiteX1" fmla="*/ 231716 w 847288"/>
              <a:gd name="connsiteY1" fmla="*/ 135734 h 3448011"/>
              <a:gd name="connsiteX2" fmla="*/ 287169 w 847288"/>
              <a:gd name="connsiteY2" fmla="*/ 699407 h 3448011"/>
              <a:gd name="connsiteX3" fmla="*/ 293615 w 847288"/>
              <a:gd name="connsiteY3" fmla="*/ 2013493 h 3448011"/>
              <a:gd name="connsiteX4" fmla="*/ 581969 w 847288"/>
              <a:gd name="connsiteY4" fmla="*/ 2808930 h 3448011"/>
              <a:gd name="connsiteX5" fmla="*/ 847288 w 847288"/>
              <a:gd name="connsiteY5" fmla="*/ 3448011 h 3448011"/>
              <a:gd name="connsiteX0" fmla="*/ 0 w 647700"/>
              <a:gd name="connsiteY0" fmla="*/ 309 h 3429395"/>
              <a:gd name="connsiteX1" fmla="*/ 32128 w 647700"/>
              <a:gd name="connsiteY1" fmla="*/ 117118 h 3429395"/>
              <a:gd name="connsiteX2" fmla="*/ 87581 w 647700"/>
              <a:gd name="connsiteY2" fmla="*/ 680791 h 3429395"/>
              <a:gd name="connsiteX3" fmla="*/ 94027 w 647700"/>
              <a:gd name="connsiteY3" fmla="*/ 1994877 h 3429395"/>
              <a:gd name="connsiteX4" fmla="*/ 382381 w 647700"/>
              <a:gd name="connsiteY4" fmla="*/ 2790314 h 3429395"/>
              <a:gd name="connsiteX5" fmla="*/ 647700 w 647700"/>
              <a:gd name="connsiteY5" fmla="*/ 3429395 h 3429395"/>
              <a:gd name="connsiteX0" fmla="*/ 0 w 647700"/>
              <a:gd name="connsiteY0" fmla="*/ 155 h 3429241"/>
              <a:gd name="connsiteX1" fmla="*/ 143662 w 647700"/>
              <a:gd name="connsiteY1" fmla="*/ 129490 h 3429241"/>
              <a:gd name="connsiteX2" fmla="*/ 87581 w 647700"/>
              <a:gd name="connsiteY2" fmla="*/ 680637 h 3429241"/>
              <a:gd name="connsiteX3" fmla="*/ 94027 w 647700"/>
              <a:gd name="connsiteY3" fmla="*/ 1994723 h 3429241"/>
              <a:gd name="connsiteX4" fmla="*/ 382381 w 647700"/>
              <a:gd name="connsiteY4" fmla="*/ 2790160 h 3429241"/>
              <a:gd name="connsiteX5" fmla="*/ 647700 w 647700"/>
              <a:gd name="connsiteY5" fmla="*/ 3429241 h 3429241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94027 w 647700"/>
              <a:gd name="connsiteY3" fmla="*/ 1994745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177 h 3429263"/>
              <a:gd name="connsiteX1" fmla="*/ 143662 w 647700"/>
              <a:gd name="connsiteY1" fmla="*/ 129512 h 3429263"/>
              <a:gd name="connsiteX2" fmla="*/ 158023 w 647700"/>
              <a:gd name="connsiteY2" fmla="*/ 699448 h 3429263"/>
              <a:gd name="connsiteX3" fmla="*/ 164470 w 647700"/>
              <a:gd name="connsiteY3" fmla="*/ 2007271 h 3429263"/>
              <a:gd name="connsiteX4" fmla="*/ 382381 w 647700"/>
              <a:gd name="connsiteY4" fmla="*/ 2790182 h 3429263"/>
              <a:gd name="connsiteX5" fmla="*/ 647700 w 647700"/>
              <a:gd name="connsiteY5" fmla="*/ 3429263 h 3429263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164470 w 647700"/>
              <a:gd name="connsiteY3" fmla="*/ 2007163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382381 w 647700"/>
              <a:gd name="connsiteY4" fmla="*/ 2790074 h 3429155"/>
              <a:gd name="connsiteX5" fmla="*/ 647700 w 647700"/>
              <a:gd name="connsiteY5" fmla="*/ 3429155 h 3429155"/>
              <a:gd name="connsiteX0" fmla="*/ 0 w 652785"/>
              <a:gd name="connsiteY0" fmla="*/ 69 h 3429155"/>
              <a:gd name="connsiteX1" fmla="*/ 143662 w 652785"/>
              <a:gd name="connsiteY1" fmla="*/ 129404 h 3429155"/>
              <a:gd name="connsiteX2" fmla="*/ 286018 w 652785"/>
              <a:gd name="connsiteY2" fmla="*/ 517072 h 3429155"/>
              <a:gd name="connsiteX3" fmla="*/ 427990 w 652785"/>
              <a:gd name="connsiteY3" fmla="*/ 1870462 h 3429155"/>
              <a:gd name="connsiteX4" fmla="*/ 600726 w 652785"/>
              <a:gd name="connsiteY4" fmla="*/ 2744507 h 3429155"/>
              <a:gd name="connsiteX5" fmla="*/ 647700 w 652785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00726 w 647700"/>
              <a:gd name="connsiteY4" fmla="*/ 2744507 h 3429155"/>
              <a:gd name="connsiteX5" fmla="*/ 647700 w 647700"/>
              <a:gd name="connsiteY5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27990 w 647700"/>
              <a:gd name="connsiteY3" fmla="*/ 1870462 h 3429155"/>
              <a:gd name="connsiteX4" fmla="*/ 647700 w 647700"/>
              <a:gd name="connsiteY4" fmla="*/ 3429155 h 3429155"/>
              <a:gd name="connsiteX0" fmla="*/ 0 w 647700"/>
              <a:gd name="connsiteY0" fmla="*/ 69 h 3429155"/>
              <a:gd name="connsiteX1" fmla="*/ 143662 w 647700"/>
              <a:gd name="connsiteY1" fmla="*/ 129404 h 3429155"/>
              <a:gd name="connsiteX2" fmla="*/ 286018 w 647700"/>
              <a:gd name="connsiteY2" fmla="*/ 517072 h 3429155"/>
              <a:gd name="connsiteX3" fmla="*/ 465636 w 647700"/>
              <a:gd name="connsiteY3" fmla="*/ 1984380 h 3429155"/>
              <a:gd name="connsiteX4" fmla="*/ 647700 w 647700"/>
              <a:gd name="connsiteY4" fmla="*/ 3429155 h 3429155"/>
              <a:gd name="connsiteX0" fmla="*/ 0 w 647700"/>
              <a:gd name="connsiteY0" fmla="*/ 132 h 3429218"/>
              <a:gd name="connsiteX1" fmla="*/ 188837 w 647700"/>
              <a:gd name="connsiteY1" fmla="*/ 106683 h 3429218"/>
              <a:gd name="connsiteX2" fmla="*/ 286018 w 647700"/>
              <a:gd name="connsiteY2" fmla="*/ 517135 h 3429218"/>
              <a:gd name="connsiteX3" fmla="*/ 465636 w 647700"/>
              <a:gd name="connsiteY3" fmla="*/ 1984443 h 3429218"/>
              <a:gd name="connsiteX4" fmla="*/ 647700 w 647700"/>
              <a:gd name="connsiteY4" fmla="*/ 3429218 h 3429218"/>
              <a:gd name="connsiteX0" fmla="*/ 59421 w 459102"/>
              <a:gd name="connsiteY0" fmla="*/ 77 h 3450606"/>
              <a:gd name="connsiteX1" fmla="*/ 239 w 459102"/>
              <a:gd name="connsiteY1" fmla="*/ 128071 h 3450606"/>
              <a:gd name="connsiteX2" fmla="*/ 97420 w 459102"/>
              <a:gd name="connsiteY2" fmla="*/ 538523 h 3450606"/>
              <a:gd name="connsiteX3" fmla="*/ 277038 w 459102"/>
              <a:gd name="connsiteY3" fmla="*/ 2005831 h 3450606"/>
              <a:gd name="connsiteX4" fmla="*/ 459102 w 459102"/>
              <a:gd name="connsiteY4" fmla="*/ 3450606 h 3450606"/>
              <a:gd name="connsiteX0" fmla="*/ 0 w 399681"/>
              <a:gd name="connsiteY0" fmla="*/ 63 h 3450592"/>
              <a:gd name="connsiteX1" fmla="*/ 89629 w 399681"/>
              <a:gd name="connsiteY1" fmla="*/ 138778 h 3450592"/>
              <a:gd name="connsiteX2" fmla="*/ 37999 w 399681"/>
              <a:gd name="connsiteY2" fmla="*/ 538509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399681"/>
              <a:gd name="connsiteY0" fmla="*/ 6356 h 3456885"/>
              <a:gd name="connsiteX1" fmla="*/ 89629 w 399681"/>
              <a:gd name="connsiteY1" fmla="*/ 145071 h 3456885"/>
              <a:gd name="connsiteX2" fmla="*/ 126578 w 399681"/>
              <a:gd name="connsiteY2" fmla="*/ 1123773 h 3456885"/>
              <a:gd name="connsiteX3" fmla="*/ 217617 w 399681"/>
              <a:gd name="connsiteY3" fmla="*/ 2012110 h 3456885"/>
              <a:gd name="connsiteX4" fmla="*/ 399681 w 399681"/>
              <a:gd name="connsiteY4" fmla="*/ 3456885 h 3456885"/>
              <a:gd name="connsiteX0" fmla="*/ 0 w 399681"/>
              <a:gd name="connsiteY0" fmla="*/ 52 h 3450581"/>
              <a:gd name="connsiteX1" fmla="*/ 107344 w 399681"/>
              <a:gd name="connsiteY1" fmla="*/ 245984 h 3450581"/>
              <a:gd name="connsiteX2" fmla="*/ 126578 w 399681"/>
              <a:gd name="connsiteY2" fmla="*/ 1117469 h 3450581"/>
              <a:gd name="connsiteX3" fmla="*/ 217617 w 399681"/>
              <a:gd name="connsiteY3" fmla="*/ 2005806 h 3450581"/>
              <a:gd name="connsiteX4" fmla="*/ 399681 w 399681"/>
              <a:gd name="connsiteY4" fmla="*/ 3450581 h 3450581"/>
              <a:gd name="connsiteX0" fmla="*/ 0 w 399681"/>
              <a:gd name="connsiteY0" fmla="*/ 63 h 3450592"/>
              <a:gd name="connsiteX1" fmla="*/ 107344 w 399681"/>
              <a:gd name="connsiteY1" fmla="*/ 245995 h 3450592"/>
              <a:gd name="connsiteX2" fmla="*/ 119492 w 399681"/>
              <a:gd name="connsiteY2" fmla="*/ 1192532 h 3450592"/>
              <a:gd name="connsiteX3" fmla="*/ 217617 w 399681"/>
              <a:gd name="connsiteY3" fmla="*/ 2005817 h 3450592"/>
              <a:gd name="connsiteX4" fmla="*/ 399681 w 399681"/>
              <a:gd name="connsiteY4" fmla="*/ 3450592 h 3450592"/>
              <a:gd name="connsiteX0" fmla="*/ 0 w 225813"/>
              <a:gd name="connsiteY0" fmla="*/ 63 h 3461313"/>
              <a:gd name="connsiteX1" fmla="*/ 107344 w 225813"/>
              <a:gd name="connsiteY1" fmla="*/ 245995 h 3461313"/>
              <a:gd name="connsiteX2" fmla="*/ 119492 w 225813"/>
              <a:gd name="connsiteY2" fmla="*/ 1192532 h 3461313"/>
              <a:gd name="connsiteX3" fmla="*/ 217617 w 225813"/>
              <a:gd name="connsiteY3" fmla="*/ 2005817 h 3461313"/>
              <a:gd name="connsiteX4" fmla="*/ 30154 w 225813"/>
              <a:gd name="connsiteY4" fmla="*/ 3461313 h 3461313"/>
              <a:gd name="connsiteX0" fmla="*/ 0 w 227837"/>
              <a:gd name="connsiteY0" fmla="*/ 63 h 3461313"/>
              <a:gd name="connsiteX1" fmla="*/ 107344 w 227837"/>
              <a:gd name="connsiteY1" fmla="*/ 245995 h 3461313"/>
              <a:gd name="connsiteX2" fmla="*/ 119492 w 227837"/>
              <a:gd name="connsiteY2" fmla="*/ 1192532 h 3461313"/>
              <a:gd name="connsiteX3" fmla="*/ 217617 w 227837"/>
              <a:gd name="connsiteY3" fmla="*/ 2005817 h 3461313"/>
              <a:gd name="connsiteX4" fmla="*/ 30154 w 227837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58652"/>
              <a:gd name="connsiteY0" fmla="*/ 63 h 3461313"/>
              <a:gd name="connsiteX1" fmla="*/ 107344 w 158652"/>
              <a:gd name="connsiteY1" fmla="*/ 245995 h 3461313"/>
              <a:gd name="connsiteX2" fmla="*/ 119492 w 158652"/>
              <a:gd name="connsiteY2" fmla="*/ 1192532 h 3461313"/>
              <a:gd name="connsiteX3" fmla="*/ 144623 w 158652"/>
              <a:gd name="connsiteY3" fmla="*/ 2027260 h 3461313"/>
              <a:gd name="connsiteX4" fmla="*/ 30154 w 158652"/>
              <a:gd name="connsiteY4" fmla="*/ 3461313 h 3461313"/>
              <a:gd name="connsiteX0" fmla="*/ 0 w 147829"/>
              <a:gd name="connsiteY0" fmla="*/ 63 h 3461313"/>
              <a:gd name="connsiteX1" fmla="*/ 107344 w 147829"/>
              <a:gd name="connsiteY1" fmla="*/ 245995 h 3461313"/>
              <a:gd name="connsiteX2" fmla="*/ 119492 w 147829"/>
              <a:gd name="connsiteY2" fmla="*/ 1192532 h 3461313"/>
              <a:gd name="connsiteX3" fmla="*/ 144623 w 147829"/>
              <a:gd name="connsiteY3" fmla="*/ 2027260 h 3461313"/>
              <a:gd name="connsiteX4" fmla="*/ 30154 w 147829"/>
              <a:gd name="connsiteY4" fmla="*/ 3461313 h 3461313"/>
              <a:gd name="connsiteX0" fmla="*/ 0 w 152235"/>
              <a:gd name="connsiteY0" fmla="*/ 63 h 3461313"/>
              <a:gd name="connsiteX1" fmla="*/ 107344 w 152235"/>
              <a:gd name="connsiteY1" fmla="*/ 245995 h 3461313"/>
              <a:gd name="connsiteX2" fmla="*/ 151427 w 152235"/>
              <a:gd name="connsiteY2" fmla="*/ 1192532 h 3461313"/>
              <a:gd name="connsiteX3" fmla="*/ 144623 w 152235"/>
              <a:gd name="connsiteY3" fmla="*/ 2027260 h 3461313"/>
              <a:gd name="connsiteX4" fmla="*/ 30154 w 152235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  <a:gd name="connsiteX0" fmla="*/ 0 w 154244"/>
              <a:gd name="connsiteY0" fmla="*/ 63 h 3461313"/>
              <a:gd name="connsiteX1" fmla="*/ 107344 w 154244"/>
              <a:gd name="connsiteY1" fmla="*/ 245995 h 3461313"/>
              <a:gd name="connsiteX2" fmla="*/ 151427 w 154244"/>
              <a:gd name="connsiteY2" fmla="*/ 1192532 h 3461313"/>
              <a:gd name="connsiteX3" fmla="*/ 144623 w 154244"/>
              <a:gd name="connsiteY3" fmla="*/ 2027260 h 3461313"/>
              <a:gd name="connsiteX4" fmla="*/ 30154 w 154244"/>
              <a:gd name="connsiteY4" fmla="*/ 3461313 h 34613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4244" h="3461313">
                <a:moveTo>
                  <a:pt x="0" y="63"/>
                </a:moveTo>
                <a:cubicBezTo>
                  <a:pt x="56626" y="-2034"/>
                  <a:pt x="82106" y="47250"/>
                  <a:pt x="107344" y="245995"/>
                </a:cubicBezTo>
                <a:cubicBezTo>
                  <a:pt x="132582" y="444740"/>
                  <a:pt x="145214" y="895655"/>
                  <a:pt x="151427" y="1192532"/>
                </a:cubicBezTo>
                <a:cubicBezTo>
                  <a:pt x="157640" y="1489409"/>
                  <a:pt x="152775" y="1241705"/>
                  <a:pt x="144623" y="2027260"/>
                </a:cubicBezTo>
                <a:cubicBezTo>
                  <a:pt x="113663" y="2920031"/>
                  <a:pt x="52812" y="3029367"/>
                  <a:pt x="30154" y="3461313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Freeform 19">
            <a:extLst>
              <a:ext uri="{FF2B5EF4-FFF2-40B4-BE49-F238E27FC236}">
                <a16:creationId xmlns:a16="http://schemas.microsoft.com/office/drawing/2014/main" id="{B83CCA8D-1EBB-9042-A703-AA8AEB09125A}"/>
              </a:ext>
            </a:extLst>
          </p:cNvPr>
          <p:cNvSpPr/>
          <p:nvPr/>
        </p:nvSpPr>
        <p:spPr bwMode="auto">
          <a:xfrm>
            <a:off x="1356659" y="2397900"/>
            <a:ext cx="262913" cy="877721"/>
          </a:xfrm>
          <a:custGeom>
            <a:avLst/>
            <a:gdLst>
              <a:gd name="connsiteX0" fmla="*/ 0 w 268941"/>
              <a:gd name="connsiteY0" fmla="*/ 61039 h 927627"/>
              <a:gd name="connsiteX1" fmla="*/ 221129 w 268941"/>
              <a:gd name="connsiteY1" fmla="*/ 90921 h 927627"/>
              <a:gd name="connsiteX2" fmla="*/ 268941 w 268941"/>
              <a:gd name="connsiteY2" fmla="*/ 927627 h 927627"/>
              <a:gd name="connsiteX0" fmla="*/ 0 w 288534"/>
              <a:gd name="connsiteY0" fmla="*/ 20233 h 886821"/>
              <a:gd name="connsiteX1" fmla="*/ 268941 w 288534"/>
              <a:gd name="connsiteY1" fmla="*/ 175621 h 886821"/>
              <a:gd name="connsiteX2" fmla="*/ 268941 w 288534"/>
              <a:gd name="connsiteY2" fmla="*/ 886821 h 886821"/>
              <a:gd name="connsiteX0" fmla="*/ 0 w 283223"/>
              <a:gd name="connsiteY0" fmla="*/ 20233 h 886821"/>
              <a:gd name="connsiteX1" fmla="*/ 268941 w 283223"/>
              <a:gd name="connsiteY1" fmla="*/ 175621 h 886821"/>
              <a:gd name="connsiteX2" fmla="*/ 268941 w 283223"/>
              <a:gd name="connsiteY2" fmla="*/ 886821 h 886821"/>
              <a:gd name="connsiteX0" fmla="*/ 0 w 287849"/>
              <a:gd name="connsiteY0" fmla="*/ 16593 h 883181"/>
              <a:gd name="connsiteX1" fmla="*/ 274917 w 287849"/>
              <a:gd name="connsiteY1" fmla="*/ 201864 h 883181"/>
              <a:gd name="connsiteX2" fmla="*/ 268941 w 287849"/>
              <a:gd name="connsiteY2" fmla="*/ 883181 h 883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87849" h="883181">
                <a:moveTo>
                  <a:pt x="0" y="16593"/>
                </a:moveTo>
                <a:cubicBezTo>
                  <a:pt x="88153" y="-40682"/>
                  <a:pt x="230094" y="57433"/>
                  <a:pt x="274917" y="201864"/>
                </a:cubicBezTo>
                <a:cubicBezTo>
                  <a:pt x="307788" y="406060"/>
                  <a:pt x="267447" y="537043"/>
                  <a:pt x="268941" y="883181"/>
                </a:cubicBezTo>
              </a:path>
            </a:pathLst>
          </a:custGeom>
          <a:noFill/>
          <a:ln w="38100" cap="flat" cmpd="sng" algn="ctr">
            <a:solidFill>
              <a:srgbClr val="009E7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ts val="3600"/>
              </a:lnSpc>
            </a:pPr>
            <a:endParaRPr lang="en-DK" sz="36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C289C14-E012-E34E-9989-F5D079C9C648}"/>
              </a:ext>
            </a:extLst>
          </p:cNvPr>
          <p:cNvSpPr/>
          <p:nvPr/>
        </p:nvSpPr>
        <p:spPr bwMode="auto">
          <a:xfrm>
            <a:off x="1520166" y="3279417"/>
            <a:ext cx="181758" cy="970521"/>
          </a:xfrm>
          <a:prstGeom prst="rect">
            <a:avLst/>
          </a:prstGeom>
          <a:solidFill>
            <a:srgbClr val="ADDACC"/>
          </a:solidFill>
          <a:ln w="38100" cap="flat" cmpd="sng" algn="ctr">
            <a:solidFill>
              <a:srgbClr val="ADDACC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en-DK" sz="1600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04361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3">
            <a:extLst>
              <a:ext uri="{FF2B5EF4-FFF2-40B4-BE49-F238E27FC236}">
                <a16:creationId xmlns:a16="http://schemas.microsoft.com/office/drawing/2014/main" id="{6FF49294-A4B2-2C43-BCE1-97AE62524C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ncomplete lineage sorting (IL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68CFE-A579-994E-A0E2-67F60F7AF172}"/>
              </a:ext>
            </a:extLst>
          </p:cNvPr>
          <p:cNvSpPr txBox="1"/>
          <p:nvPr/>
        </p:nvSpPr>
        <p:spPr>
          <a:xfrm>
            <a:off x="8079126" y="5311595"/>
            <a:ext cx="327493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odified from Leliaert et al. (2013)</a:t>
            </a:r>
          </a:p>
        </p:txBody>
      </p:sp>
      <p:pic>
        <p:nvPicPr>
          <p:cNvPr id="13" name="Picture 12" descr="Figure">
            <a:extLst>
              <a:ext uri="{FF2B5EF4-FFF2-40B4-BE49-F238E27FC236}">
                <a16:creationId xmlns:a16="http://schemas.microsoft.com/office/drawing/2014/main" id="{FE832BD2-0554-D64B-85D1-0C4410D1F8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180" y="1079876"/>
            <a:ext cx="8614692" cy="3352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3A5631D5-EA43-9D47-8595-993622C0B0A6}"/>
              </a:ext>
            </a:extLst>
          </p:cNvPr>
          <p:cNvGrpSpPr/>
          <p:nvPr/>
        </p:nvGrpSpPr>
        <p:grpSpPr>
          <a:xfrm>
            <a:off x="7750596" y="1935538"/>
            <a:ext cx="3157804" cy="3121068"/>
            <a:chOff x="244914" y="1296063"/>
            <a:chExt cx="3157804" cy="3121068"/>
          </a:xfrm>
        </p:grpSpPr>
        <p:pic>
          <p:nvPicPr>
            <p:cNvPr id="5" name="Picture 4" descr="Figure">
              <a:extLst>
                <a:ext uri="{FF2B5EF4-FFF2-40B4-BE49-F238E27FC236}">
                  <a16:creationId xmlns:a16="http://schemas.microsoft.com/office/drawing/2014/main" id="{8C320472-DD6A-434C-821A-619CEE4751E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6627" t="14085" b="5321"/>
            <a:stretch/>
          </p:blipFill>
          <p:spPr bwMode="auto">
            <a:xfrm rot="10800000">
              <a:off x="477788" y="1447136"/>
              <a:ext cx="2875012" cy="270194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2" name="Picture 11" descr="Figure">
              <a:extLst>
                <a:ext uri="{FF2B5EF4-FFF2-40B4-BE49-F238E27FC236}">
                  <a16:creationId xmlns:a16="http://schemas.microsoft.com/office/drawing/2014/main" id="{5C9AA082-EC3B-E04E-B939-C62853750F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655928" y="4177090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13" descr="Figure">
              <a:extLst>
                <a:ext uri="{FF2B5EF4-FFF2-40B4-BE49-F238E27FC236}">
                  <a16:creationId xmlns:a16="http://schemas.microsoft.com/office/drawing/2014/main" id="{3DAB4932-8828-394F-96A4-FD39AF68385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579323" y="418322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Figure">
              <a:extLst>
                <a:ext uri="{FF2B5EF4-FFF2-40B4-BE49-F238E27FC236}">
                  <a16:creationId xmlns:a16="http://schemas.microsoft.com/office/drawing/2014/main" id="{AD971CCD-671E-5048-8CDF-DA6508A5D6E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545767" y="4177091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Freeform 1">
              <a:extLst>
                <a:ext uri="{FF2B5EF4-FFF2-40B4-BE49-F238E27FC236}">
                  <a16:creationId xmlns:a16="http://schemas.microsoft.com/office/drawing/2014/main" id="{A05A271C-05B9-934F-A56F-17870FA7A33F}"/>
                </a:ext>
              </a:extLst>
            </p:cNvPr>
            <p:cNvSpPr/>
            <p:nvPr/>
          </p:nvSpPr>
          <p:spPr bwMode="auto">
            <a:xfrm>
              <a:off x="244914" y="1296063"/>
              <a:ext cx="966101" cy="1534601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826C854-1AC9-F74D-B8D7-704EF889BAA9}"/>
                </a:ext>
              </a:extLst>
            </p:cNvPr>
            <p:cNvSpPr/>
            <p:nvPr/>
          </p:nvSpPr>
          <p:spPr bwMode="auto">
            <a:xfrm>
              <a:off x="2947803" y="1878389"/>
              <a:ext cx="454915" cy="915290"/>
            </a:xfrm>
            <a:custGeom>
              <a:avLst/>
              <a:gdLst>
                <a:gd name="connsiteX0" fmla="*/ 589973 w 966101"/>
                <a:gd name="connsiteY0" fmla="*/ 1502796 h 1534601"/>
                <a:gd name="connsiteX1" fmla="*/ 335531 w 966101"/>
                <a:gd name="connsiteY1" fmla="*/ 1502796 h 1534601"/>
                <a:gd name="connsiteX2" fmla="*/ 271921 w 966101"/>
                <a:gd name="connsiteY2" fmla="*/ 1486894 h 1534601"/>
                <a:gd name="connsiteX3" fmla="*/ 168554 w 966101"/>
                <a:gd name="connsiteY3" fmla="*/ 1431234 h 1534601"/>
                <a:gd name="connsiteX4" fmla="*/ 96992 w 966101"/>
                <a:gd name="connsiteY4" fmla="*/ 1359673 h 1534601"/>
                <a:gd name="connsiteX5" fmla="*/ 73138 w 966101"/>
                <a:gd name="connsiteY5" fmla="*/ 1327867 h 1534601"/>
                <a:gd name="connsiteX6" fmla="*/ 57236 w 966101"/>
                <a:gd name="connsiteY6" fmla="*/ 1296062 h 1534601"/>
                <a:gd name="connsiteX7" fmla="*/ 25430 w 966101"/>
                <a:gd name="connsiteY7" fmla="*/ 1208598 h 1534601"/>
                <a:gd name="connsiteX8" fmla="*/ 17479 w 966101"/>
                <a:gd name="connsiteY8" fmla="*/ 1176793 h 1534601"/>
                <a:gd name="connsiteX9" fmla="*/ 9528 w 966101"/>
                <a:gd name="connsiteY9" fmla="*/ 803081 h 1534601"/>
                <a:gd name="connsiteX10" fmla="*/ 33382 w 966101"/>
                <a:gd name="connsiteY10" fmla="*/ 683812 h 1534601"/>
                <a:gd name="connsiteX11" fmla="*/ 104943 w 966101"/>
                <a:gd name="connsiteY11" fmla="*/ 445273 h 1534601"/>
                <a:gd name="connsiteX12" fmla="*/ 160603 w 966101"/>
                <a:gd name="connsiteY12" fmla="*/ 294198 h 1534601"/>
                <a:gd name="connsiteX13" fmla="*/ 184456 w 966101"/>
                <a:gd name="connsiteY13" fmla="*/ 230587 h 1534601"/>
                <a:gd name="connsiteX14" fmla="*/ 216262 w 966101"/>
                <a:gd name="connsiteY14" fmla="*/ 182880 h 1534601"/>
                <a:gd name="connsiteX15" fmla="*/ 263969 w 966101"/>
                <a:gd name="connsiteY15" fmla="*/ 111318 h 1534601"/>
                <a:gd name="connsiteX16" fmla="*/ 343483 w 966101"/>
                <a:gd name="connsiteY16" fmla="*/ 47707 h 1534601"/>
                <a:gd name="connsiteX17" fmla="*/ 375288 w 966101"/>
                <a:gd name="connsiteY17" fmla="*/ 23854 h 1534601"/>
                <a:gd name="connsiteX18" fmla="*/ 407093 w 966101"/>
                <a:gd name="connsiteY18" fmla="*/ 15902 h 1534601"/>
                <a:gd name="connsiteX19" fmla="*/ 462752 w 966101"/>
                <a:gd name="connsiteY19" fmla="*/ 0 h 1534601"/>
                <a:gd name="connsiteX20" fmla="*/ 582022 w 966101"/>
                <a:gd name="connsiteY20" fmla="*/ 7951 h 1534601"/>
                <a:gd name="connsiteX21" fmla="*/ 613827 w 966101"/>
                <a:gd name="connsiteY21" fmla="*/ 31805 h 1534601"/>
                <a:gd name="connsiteX22" fmla="*/ 645632 w 966101"/>
                <a:gd name="connsiteY22" fmla="*/ 47707 h 1534601"/>
                <a:gd name="connsiteX23" fmla="*/ 669486 w 966101"/>
                <a:gd name="connsiteY23" fmla="*/ 71561 h 1534601"/>
                <a:gd name="connsiteX24" fmla="*/ 741048 w 966101"/>
                <a:gd name="connsiteY24" fmla="*/ 127220 h 1534601"/>
                <a:gd name="connsiteX25" fmla="*/ 828512 w 966101"/>
                <a:gd name="connsiteY25" fmla="*/ 222636 h 1534601"/>
                <a:gd name="connsiteX26" fmla="*/ 852366 w 966101"/>
                <a:gd name="connsiteY26" fmla="*/ 262393 h 1534601"/>
                <a:gd name="connsiteX27" fmla="*/ 876220 w 966101"/>
                <a:gd name="connsiteY27" fmla="*/ 326003 h 1534601"/>
                <a:gd name="connsiteX28" fmla="*/ 892123 w 966101"/>
                <a:gd name="connsiteY28" fmla="*/ 357808 h 1534601"/>
                <a:gd name="connsiteX29" fmla="*/ 908025 w 966101"/>
                <a:gd name="connsiteY29" fmla="*/ 413467 h 1534601"/>
                <a:gd name="connsiteX30" fmla="*/ 923928 w 966101"/>
                <a:gd name="connsiteY30" fmla="*/ 453224 h 1534601"/>
                <a:gd name="connsiteX31" fmla="*/ 939830 w 966101"/>
                <a:gd name="connsiteY31" fmla="*/ 532737 h 1534601"/>
                <a:gd name="connsiteX32" fmla="*/ 947782 w 966101"/>
                <a:gd name="connsiteY32" fmla="*/ 564542 h 1534601"/>
                <a:gd name="connsiteX33" fmla="*/ 955733 w 966101"/>
                <a:gd name="connsiteY33" fmla="*/ 612250 h 1534601"/>
                <a:gd name="connsiteX34" fmla="*/ 955733 w 966101"/>
                <a:gd name="connsiteY34" fmla="*/ 1152939 h 1534601"/>
                <a:gd name="connsiteX35" fmla="*/ 947782 w 966101"/>
                <a:gd name="connsiteY35" fmla="*/ 1200647 h 1534601"/>
                <a:gd name="connsiteX36" fmla="*/ 947782 w 966101"/>
                <a:gd name="connsiteY36" fmla="*/ 1335819 h 1534601"/>
                <a:gd name="connsiteX37" fmla="*/ 931879 w 966101"/>
                <a:gd name="connsiteY37" fmla="*/ 1383527 h 1534601"/>
                <a:gd name="connsiteX38" fmla="*/ 892123 w 966101"/>
                <a:gd name="connsiteY38" fmla="*/ 1455088 h 1534601"/>
                <a:gd name="connsiteX39" fmla="*/ 844415 w 966101"/>
                <a:gd name="connsiteY39" fmla="*/ 1486894 h 1534601"/>
                <a:gd name="connsiteX40" fmla="*/ 820561 w 966101"/>
                <a:gd name="connsiteY40" fmla="*/ 1494845 h 1534601"/>
                <a:gd name="connsiteX41" fmla="*/ 756950 w 966101"/>
                <a:gd name="connsiteY41" fmla="*/ 1510747 h 1534601"/>
                <a:gd name="connsiteX42" fmla="*/ 733096 w 966101"/>
                <a:gd name="connsiteY42" fmla="*/ 1518699 h 1534601"/>
                <a:gd name="connsiteX43" fmla="*/ 613827 w 966101"/>
                <a:gd name="connsiteY43" fmla="*/ 1534601 h 1534601"/>
                <a:gd name="connsiteX44" fmla="*/ 589973 w 966101"/>
                <a:gd name="connsiteY44" fmla="*/ 1502796 h 15346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966101" h="1534601">
                  <a:moveTo>
                    <a:pt x="589973" y="1502796"/>
                  </a:moveTo>
                  <a:cubicBezTo>
                    <a:pt x="543590" y="1497495"/>
                    <a:pt x="489356" y="1517682"/>
                    <a:pt x="335531" y="1502796"/>
                  </a:cubicBezTo>
                  <a:cubicBezTo>
                    <a:pt x="313777" y="1500691"/>
                    <a:pt x="292655" y="1493805"/>
                    <a:pt x="271921" y="1486894"/>
                  </a:cubicBezTo>
                  <a:cubicBezTo>
                    <a:pt x="237315" y="1475359"/>
                    <a:pt x="196488" y="1455444"/>
                    <a:pt x="168554" y="1431234"/>
                  </a:cubicBezTo>
                  <a:cubicBezTo>
                    <a:pt x="143061" y="1409140"/>
                    <a:pt x="117232" y="1386661"/>
                    <a:pt x="96992" y="1359673"/>
                  </a:cubicBezTo>
                  <a:cubicBezTo>
                    <a:pt x="89041" y="1349071"/>
                    <a:pt x="80162" y="1339105"/>
                    <a:pt x="73138" y="1327867"/>
                  </a:cubicBezTo>
                  <a:cubicBezTo>
                    <a:pt x="66856" y="1317816"/>
                    <a:pt x="62050" y="1306893"/>
                    <a:pt x="57236" y="1296062"/>
                  </a:cubicBezTo>
                  <a:cubicBezTo>
                    <a:pt x="45562" y="1269795"/>
                    <a:pt x="33568" y="1235725"/>
                    <a:pt x="25430" y="1208598"/>
                  </a:cubicBezTo>
                  <a:cubicBezTo>
                    <a:pt x="22290" y="1198131"/>
                    <a:pt x="20129" y="1187395"/>
                    <a:pt x="17479" y="1176793"/>
                  </a:cubicBezTo>
                  <a:cubicBezTo>
                    <a:pt x="-4316" y="980644"/>
                    <a:pt x="-4247" y="1044129"/>
                    <a:pt x="9528" y="803081"/>
                  </a:cubicBezTo>
                  <a:cubicBezTo>
                    <a:pt x="10770" y="781352"/>
                    <a:pt x="30240" y="695202"/>
                    <a:pt x="33382" y="683812"/>
                  </a:cubicBezTo>
                  <a:cubicBezTo>
                    <a:pt x="33395" y="683764"/>
                    <a:pt x="93009" y="485053"/>
                    <a:pt x="104943" y="445273"/>
                  </a:cubicBezTo>
                  <a:cubicBezTo>
                    <a:pt x="145307" y="310725"/>
                    <a:pt x="109059" y="419377"/>
                    <a:pt x="160603" y="294198"/>
                  </a:cubicBezTo>
                  <a:cubicBezTo>
                    <a:pt x="169225" y="273258"/>
                    <a:pt x="174329" y="250842"/>
                    <a:pt x="184456" y="230587"/>
                  </a:cubicBezTo>
                  <a:cubicBezTo>
                    <a:pt x="193003" y="213492"/>
                    <a:pt x="206001" y="199004"/>
                    <a:pt x="216262" y="182880"/>
                  </a:cubicBezTo>
                  <a:cubicBezTo>
                    <a:pt x="236579" y="150954"/>
                    <a:pt x="239723" y="139028"/>
                    <a:pt x="263969" y="111318"/>
                  </a:cubicBezTo>
                  <a:cubicBezTo>
                    <a:pt x="302817" y="66921"/>
                    <a:pt x="291552" y="86654"/>
                    <a:pt x="343483" y="47707"/>
                  </a:cubicBezTo>
                  <a:cubicBezTo>
                    <a:pt x="354085" y="39756"/>
                    <a:pt x="363435" y="29780"/>
                    <a:pt x="375288" y="23854"/>
                  </a:cubicBezTo>
                  <a:cubicBezTo>
                    <a:pt x="385062" y="18967"/>
                    <a:pt x="396585" y="18904"/>
                    <a:pt x="407093" y="15902"/>
                  </a:cubicBezTo>
                  <a:cubicBezTo>
                    <a:pt x="486902" y="-6901"/>
                    <a:pt x="363377" y="24843"/>
                    <a:pt x="462752" y="0"/>
                  </a:cubicBezTo>
                  <a:cubicBezTo>
                    <a:pt x="502509" y="2650"/>
                    <a:pt x="543032" y="-257"/>
                    <a:pt x="582022" y="7951"/>
                  </a:cubicBezTo>
                  <a:cubicBezTo>
                    <a:pt x="594990" y="10681"/>
                    <a:pt x="602589" y="24781"/>
                    <a:pt x="613827" y="31805"/>
                  </a:cubicBezTo>
                  <a:cubicBezTo>
                    <a:pt x="623878" y="38087"/>
                    <a:pt x="635030" y="42406"/>
                    <a:pt x="645632" y="47707"/>
                  </a:cubicBezTo>
                  <a:cubicBezTo>
                    <a:pt x="653583" y="55658"/>
                    <a:pt x="660847" y="64362"/>
                    <a:pt x="669486" y="71561"/>
                  </a:cubicBezTo>
                  <a:cubicBezTo>
                    <a:pt x="692701" y="90907"/>
                    <a:pt x="719680" y="105851"/>
                    <a:pt x="741048" y="127220"/>
                  </a:cubicBezTo>
                  <a:cubicBezTo>
                    <a:pt x="777657" y="163829"/>
                    <a:pt x="800400" y="182475"/>
                    <a:pt x="828512" y="222636"/>
                  </a:cubicBezTo>
                  <a:cubicBezTo>
                    <a:pt x="837375" y="235297"/>
                    <a:pt x="845454" y="248570"/>
                    <a:pt x="852366" y="262393"/>
                  </a:cubicBezTo>
                  <a:cubicBezTo>
                    <a:pt x="885322" y="328304"/>
                    <a:pt x="855570" y="277819"/>
                    <a:pt x="876220" y="326003"/>
                  </a:cubicBezTo>
                  <a:cubicBezTo>
                    <a:pt x="880889" y="336898"/>
                    <a:pt x="887454" y="346913"/>
                    <a:pt x="892123" y="357808"/>
                  </a:cubicBezTo>
                  <a:cubicBezTo>
                    <a:pt x="903608" y="384606"/>
                    <a:pt x="897939" y="383209"/>
                    <a:pt x="908025" y="413467"/>
                  </a:cubicBezTo>
                  <a:cubicBezTo>
                    <a:pt x="912539" y="427008"/>
                    <a:pt x="918627" y="439972"/>
                    <a:pt x="923928" y="453224"/>
                  </a:cubicBezTo>
                  <a:cubicBezTo>
                    <a:pt x="929229" y="479728"/>
                    <a:pt x="933274" y="506515"/>
                    <a:pt x="939830" y="532737"/>
                  </a:cubicBezTo>
                  <a:cubicBezTo>
                    <a:pt x="942481" y="543339"/>
                    <a:pt x="945639" y="553826"/>
                    <a:pt x="947782" y="564542"/>
                  </a:cubicBezTo>
                  <a:cubicBezTo>
                    <a:pt x="950944" y="580351"/>
                    <a:pt x="953083" y="596347"/>
                    <a:pt x="955733" y="612250"/>
                  </a:cubicBezTo>
                  <a:cubicBezTo>
                    <a:pt x="970164" y="857588"/>
                    <a:pt x="968938" y="776577"/>
                    <a:pt x="955733" y="1152939"/>
                  </a:cubicBezTo>
                  <a:cubicBezTo>
                    <a:pt x="955168" y="1169051"/>
                    <a:pt x="950432" y="1184744"/>
                    <a:pt x="947782" y="1200647"/>
                  </a:cubicBezTo>
                  <a:cubicBezTo>
                    <a:pt x="954499" y="1267820"/>
                    <a:pt x="961680" y="1275594"/>
                    <a:pt x="947782" y="1335819"/>
                  </a:cubicBezTo>
                  <a:cubicBezTo>
                    <a:pt x="944013" y="1352153"/>
                    <a:pt x="937180" y="1367624"/>
                    <a:pt x="931879" y="1383527"/>
                  </a:cubicBezTo>
                  <a:cubicBezTo>
                    <a:pt x="923593" y="1408384"/>
                    <a:pt x="915558" y="1439464"/>
                    <a:pt x="892123" y="1455088"/>
                  </a:cubicBezTo>
                  <a:cubicBezTo>
                    <a:pt x="876220" y="1465690"/>
                    <a:pt x="862547" y="1480850"/>
                    <a:pt x="844415" y="1486894"/>
                  </a:cubicBezTo>
                  <a:cubicBezTo>
                    <a:pt x="836464" y="1489544"/>
                    <a:pt x="828647" y="1492640"/>
                    <a:pt x="820561" y="1494845"/>
                  </a:cubicBezTo>
                  <a:cubicBezTo>
                    <a:pt x="799475" y="1500595"/>
                    <a:pt x="777684" y="1503835"/>
                    <a:pt x="756950" y="1510747"/>
                  </a:cubicBezTo>
                  <a:cubicBezTo>
                    <a:pt x="748999" y="1513398"/>
                    <a:pt x="741315" y="1517055"/>
                    <a:pt x="733096" y="1518699"/>
                  </a:cubicBezTo>
                  <a:cubicBezTo>
                    <a:pt x="714811" y="1522356"/>
                    <a:pt x="629303" y="1532667"/>
                    <a:pt x="613827" y="1534601"/>
                  </a:cubicBezTo>
                  <a:cubicBezTo>
                    <a:pt x="558276" y="1525343"/>
                    <a:pt x="636356" y="1508097"/>
                    <a:pt x="589973" y="1502796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424C5F9E-FB05-804F-BD4D-B04B6CD34189}"/>
              </a:ext>
            </a:extLst>
          </p:cNvPr>
          <p:cNvGrpSpPr/>
          <p:nvPr/>
        </p:nvGrpSpPr>
        <p:grpSpPr>
          <a:xfrm>
            <a:off x="4450397" y="1935538"/>
            <a:ext cx="3104270" cy="3116644"/>
            <a:chOff x="302079" y="1992086"/>
            <a:chExt cx="3104270" cy="3116644"/>
          </a:xfrm>
        </p:grpSpPr>
        <p:pic>
          <p:nvPicPr>
            <p:cNvPr id="18" name="Picture 17" descr="Figure">
              <a:extLst>
                <a:ext uri="{FF2B5EF4-FFF2-40B4-BE49-F238E27FC236}">
                  <a16:creationId xmlns:a16="http://schemas.microsoft.com/office/drawing/2014/main" id="{1C2C0F45-E570-2A48-9663-3BBC2986FC8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394" t="14085" r="33233" b="4485"/>
            <a:stretch/>
          </p:blipFill>
          <p:spPr bwMode="auto">
            <a:xfrm rot="10800000">
              <a:off x="450153" y="2139912"/>
              <a:ext cx="2875014" cy="272995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Freeform 3">
              <a:extLst>
                <a:ext uri="{FF2B5EF4-FFF2-40B4-BE49-F238E27FC236}">
                  <a16:creationId xmlns:a16="http://schemas.microsoft.com/office/drawing/2014/main" id="{D7DCCF8F-887B-6E48-BA13-4D6236C5D276}"/>
                </a:ext>
              </a:extLst>
            </p:cNvPr>
            <p:cNvSpPr/>
            <p:nvPr/>
          </p:nvSpPr>
          <p:spPr bwMode="auto">
            <a:xfrm>
              <a:off x="302079" y="1992086"/>
              <a:ext cx="854598" cy="1551214"/>
            </a:xfrm>
            <a:custGeom>
              <a:avLst/>
              <a:gdLst>
                <a:gd name="connsiteX0" fmla="*/ 522514 w 854598"/>
                <a:gd name="connsiteY0" fmla="*/ 1518557 h 1551214"/>
                <a:gd name="connsiteX1" fmla="*/ 563335 w 854598"/>
                <a:gd name="connsiteY1" fmla="*/ 1534885 h 1551214"/>
                <a:gd name="connsiteX2" fmla="*/ 685800 w 854598"/>
                <a:gd name="connsiteY2" fmla="*/ 1518557 h 1551214"/>
                <a:gd name="connsiteX3" fmla="*/ 734785 w 854598"/>
                <a:gd name="connsiteY3" fmla="*/ 1477735 h 1551214"/>
                <a:gd name="connsiteX4" fmla="*/ 751114 w 854598"/>
                <a:gd name="connsiteY4" fmla="*/ 1420585 h 1551214"/>
                <a:gd name="connsiteX5" fmla="*/ 783771 w 854598"/>
                <a:gd name="connsiteY5" fmla="*/ 1347107 h 1551214"/>
                <a:gd name="connsiteX6" fmla="*/ 808264 w 854598"/>
                <a:gd name="connsiteY6" fmla="*/ 1273628 h 1551214"/>
                <a:gd name="connsiteX7" fmla="*/ 816428 w 854598"/>
                <a:gd name="connsiteY7" fmla="*/ 1249135 h 1551214"/>
                <a:gd name="connsiteX8" fmla="*/ 832757 w 854598"/>
                <a:gd name="connsiteY8" fmla="*/ 1110343 h 1551214"/>
                <a:gd name="connsiteX9" fmla="*/ 840921 w 854598"/>
                <a:gd name="connsiteY9" fmla="*/ 889907 h 1551214"/>
                <a:gd name="connsiteX10" fmla="*/ 849085 w 854598"/>
                <a:gd name="connsiteY10" fmla="*/ 767443 h 1551214"/>
                <a:gd name="connsiteX11" fmla="*/ 824592 w 854598"/>
                <a:gd name="connsiteY11" fmla="*/ 498021 h 1551214"/>
                <a:gd name="connsiteX12" fmla="*/ 800100 w 854598"/>
                <a:gd name="connsiteY12" fmla="*/ 465364 h 1551214"/>
                <a:gd name="connsiteX13" fmla="*/ 791935 w 854598"/>
                <a:gd name="connsiteY13" fmla="*/ 440871 h 1551214"/>
                <a:gd name="connsiteX14" fmla="*/ 767442 w 854598"/>
                <a:gd name="connsiteY14" fmla="*/ 416378 h 1551214"/>
                <a:gd name="connsiteX15" fmla="*/ 751114 w 854598"/>
                <a:gd name="connsiteY15" fmla="*/ 391885 h 1551214"/>
                <a:gd name="connsiteX16" fmla="*/ 726621 w 854598"/>
                <a:gd name="connsiteY16" fmla="*/ 367393 h 1551214"/>
                <a:gd name="connsiteX17" fmla="*/ 710292 w 854598"/>
                <a:gd name="connsiteY17" fmla="*/ 342900 h 1551214"/>
                <a:gd name="connsiteX18" fmla="*/ 685800 w 854598"/>
                <a:gd name="connsiteY18" fmla="*/ 318407 h 1551214"/>
                <a:gd name="connsiteX19" fmla="*/ 653142 w 854598"/>
                <a:gd name="connsiteY19" fmla="*/ 269421 h 1551214"/>
                <a:gd name="connsiteX20" fmla="*/ 620485 w 854598"/>
                <a:gd name="connsiteY20" fmla="*/ 228600 h 1551214"/>
                <a:gd name="connsiteX21" fmla="*/ 595992 w 854598"/>
                <a:gd name="connsiteY21" fmla="*/ 163285 h 1551214"/>
                <a:gd name="connsiteX22" fmla="*/ 579664 w 854598"/>
                <a:gd name="connsiteY22" fmla="*/ 130628 h 1551214"/>
                <a:gd name="connsiteX23" fmla="*/ 563335 w 854598"/>
                <a:gd name="connsiteY23" fmla="*/ 73478 h 1551214"/>
                <a:gd name="connsiteX24" fmla="*/ 506185 w 854598"/>
                <a:gd name="connsiteY24" fmla="*/ 8164 h 1551214"/>
                <a:gd name="connsiteX25" fmla="*/ 481692 w 854598"/>
                <a:gd name="connsiteY25" fmla="*/ 0 h 1551214"/>
                <a:gd name="connsiteX26" fmla="*/ 416378 w 854598"/>
                <a:gd name="connsiteY26" fmla="*/ 16328 h 1551214"/>
                <a:gd name="connsiteX27" fmla="*/ 359228 w 854598"/>
                <a:gd name="connsiteY27" fmla="*/ 73478 h 1551214"/>
                <a:gd name="connsiteX28" fmla="*/ 253092 w 854598"/>
                <a:gd name="connsiteY28" fmla="*/ 228600 h 1551214"/>
                <a:gd name="connsiteX29" fmla="*/ 187778 w 854598"/>
                <a:gd name="connsiteY29" fmla="*/ 351064 h 1551214"/>
                <a:gd name="connsiteX30" fmla="*/ 155121 w 854598"/>
                <a:gd name="connsiteY30" fmla="*/ 408214 h 1551214"/>
                <a:gd name="connsiteX31" fmla="*/ 130628 w 854598"/>
                <a:gd name="connsiteY31" fmla="*/ 473528 h 1551214"/>
                <a:gd name="connsiteX32" fmla="*/ 106135 w 854598"/>
                <a:gd name="connsiteY32" fmla="*/ 530678 h 1551214"/>
                <a:gd name="connsiteX33" fmla="*/ 65314 w 854598"/>
                <a:gd name="connsiteY33" fmla="*/ 636814 h 1551214"/>
                <a:gd name="connsiteX34" fmla="*/ 40821 w 854598"/>
                <a:gd name="connsiteY34" fmla="*/ 751114 h 1551214"/>
                <a:gd name="connsiteX35" fmla="*/ 24492 w 854598"/>
                <a:gd name="connsiteY35" fmla="*/ 808264 h 1551214"/>
                <a:gd name="connsiteX36" fmla="*/ 16328 w 854598"/>
                <a:gd name="connsiteY36" fmla="*/ 857250 h 1551214"/>
                <a:gd name="connsiteX37" fmla="*/ 0 w 854598"/>
                <a:gd name="connsiteY37" fmla="*/ 914400 h 1551214"/>
                <a:gd name="connsiteX38" fmla="*/ 8164 w 854598"/>
                <a:gd name="connsiteY38" fmla="*/ 1118507 h 1551214"/>
                <a:gd name="connsiteX39" fmla="*/ 24492 w 854598"/>
                <a:gd name="connsiteY39" fmla="*/ 1216478 h 1551214"/>
                <a:gd name="connsiteX40" fmla="*/ 40821 w 854598"/>
                <a:gd name="connsiteY40" fmla="*/ 1322614 h 1551214"/>
                <a:gd name="connsiteX41" fmla="*/ 48985 w 854598"/>
                <a:gd name="connsiteY41" fmla="*/ 1347107 h 1551214"/>
                <a:gd name="connsiteX42" fmla="*/ 73478 w 854598"/>
                <a:gd name="connsiteY42" fmla="*/ 1371600 h 1551214"/>
                <a:gd name="connsiteX43" fmla="*/ 89807 w 854598"/>
                <a:gd name="connsiteY43" fmla="*/ 1396093 h 1551214"/>
                <a:gd name="connsiteX44" fmla="*/ 138792 w 854598"/>
                <a:gd name="connsiteY44" fmla="*/ 1445078 h 1551214"/>
                <a:gd name="connsiteX45" fmla="*/ 155121 w 854598"/>
                <a:gd name="connsiteY45" fmla="*/ 1469571 h 1551214"/>
                <a:gd name="connsiteX46" fmla="*/ 204107 w 854598"/>
                <a:gd name="connsiteY46" fmla="*/ 1502228 h 1551214"/>
                <a:gd name="connsiteX47" fmla="*/ 277585 w 854598"/>
                <a:gd name="connsiteY47" fmla="*/ 1543050 h 1551214"/>
                <a:gd name="connsiteX48" fmla="*/ 302078 w 854598"/>
                <a:gd name="connsiteY48" fmla="*/ 1551214 h 1551214"/>
                <a:gd name="connsiteX49" fmla="*/ 432707 w 854598"/>
                <a:gd name="connsiteY49" fmla="*/ 1526721 h 1551214"/>
                <a:gd name="connsiteX50" fmla="*/ 473528 w 854598"/>
                <a:gd name="connsiteY50" fmla="*/ 1518557 h 1551214"/>
                <a:gd name="connsiteX51" fmla="*/ 522514 w 854598"/>
                <a:gd name="connsiteY51" fmla="*/ 1518557 h 15512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854598" h="1551214">
                  <a:moveTo>
                    <a:pt x="522514" y="1518557"/>
                  </a:moveTo>
                  <a:cubicBezTo>
                    <a:pt x="537482" y="1521278"/>
                    <a:pt x="548717" y="1533841"/>
                    <a:pt x="563335" y="1534885"/>
                  </a:cubicBezTo>
                  <a:cubicBezTo>
                    <a:pt x="584319" y="1536384"/>
                    <a:pt x="658820" y="1523054"/>
                    <a:pt x="685800" y="1518557"/>
                  </a:cubicBezTo>
                  <a:cubicBezTo>
                    <a:pt x="703872" y="1506508"/>
                    <a:pt x="722213" y="1496593"/>
                    <a:pt x="734785" y="1477735"/>
                  </a:cubicBezTo>
                  <a:cubicBezTo>
                    <a:pt x="739777" y="1470248"/>
                    <a:pt x="749628" y="1425539"/>
                    <a:pt x="751114" y="1420585"/>
                  </a:cubicBezTo>
                  <a:cubicBezTo>
                    <a:pt x="767012" y="1367591"/>
                    <a:pt x="759909" y="1382899"/>
                    <a:pt x="783771" y="1347107"/>
                  </a:cubicBezTo>
                  <a:lnTo>
                    <a:pt x="808264" y="1273628"/>
                  </a:lnTo>
                  <a:lnTo>
                    <a:pt x="816428" y="1249135"/>
                  </a:lnTo>
                  <a:cubicBezTo>
                    <a:pt x="823217" y="1201611"/>
                    <a:pt x="830128" y="1158972"/>
                    <a:pt x="832757" y="1110343"/>
                  </a:cubicBezTo>
                  <a:cubicBezTo>
                    <a:pt x="836726" y="1036921"/>
                    <a:pt x="837424" y="963353"/>
                    <a:pt x="840921" y="889907"/>
                  </a:cubicBezTo>
                  <a:cubicBezTo>
                    <a:pt x="842867" y="849041"/>
                    <a:pt x="846364" y="808264"/>
                    <a:pt x="849085" y="767443"/>
                  </a:cubicBezTo>
                  <a:cubicBezTo>
                    <a:pt x="845393" y="660357"/>
                    <a:pt x="875484" y="579449"/>
                    <a:pt x="824592" y="498021"/>
                  </a:cubicBezTo>
                  <a:cubicBezTo>
                    <a:pt x="817380" y="486482"/>
                    <a:pt x="808264" y="476250"/>
                    <a:pt x="800100" y="465364"/>
                  </a:cubicBezTo>
                  <a:cubicBezTo>
                    <a:pt x="797378" y="457200"/>
                    <a:pt x="796709" y="448032"/>
                    <a:pt x="791935" y="440871"/>
                  </a:cubicBezTo>
                  <a:cubicBezTo>
                    <a:pt x="785530" y="431264"/>
                    <a:pt x="774834" y="425248"/>
                    <a:pt x="767442" y="416378"/>
                  </a:cubicBezTo>
                  <a:cubicBezTo>
                    <a:pt x="761160" y="408840"/>
                    <a:pt x="757396" y="399423"/>
                    <a:pt x="751114" y="391885"/>
                  </a:cubicBezTo>
                  <a:cubicBezTo>
                    <a:pt x="743722" y="383015"/>
                    <a:pt x="734013" y="376263"/>
                    <a:pt x="726621" y="367393"/>
                  </a:cubicBezTo>
                  <a:cubicBezTo>
                    <a:pt x="720339" y="359855"/>
                    <a:pt x="716574" y="350438"/>
                    <a:pt x="710292" y="342900"/>
                  </a:cubicBezTo>
                  <a:cubicBezTo>
                    <a:pt x="702901" y="334030"/>
                    <a:pt x="692888" y="327521"/>
                    <a:pt x="685800" y="318407"/>
                  </a:cubicBezTo>
                  <a:cubicBezTo>
                    <a:pt x="673752" y="302916"/>
                    <a:pt x="665402" y="284745"/>
                    <a:pt x="653142" y="269421"/>
                  </a:cubicBezTo>
                  <a:cubicBezTo>
                    <a:pt x="642256" y="255814"/>
                    <a:pt x="630151" y="243099"/>
                    <a:pt x="620485" y="228600"/>
                  </a:cubicBezTo>
                  <a:cubicBezTo>
                    <a:pt x="594511" y="189638"/>
                    <a:pt x="611376" y="204309"/>
                    <a:pt x="595992" y="163285"/>
                  </a:cubicBezTo>
                  <a:cubicBezTo>
                    <a:pt x="591719" y="151889"/>
                    <a:pt x="583937" y="142024"/>
                    <a:pt x="579664" y="130628"/>
                  </a:cubicBezTo>
                  <a:cubicBezTo>
                    <a:pt x="574783" y="117612"/>
                    <a:pt x="570930" y="87148"/>
                    <a:pt x="563335" y="73478"/>
                  </a:cubicBezTo>
                  <a:cubicBezTo>
                    <a:pt x="544495" y="39566"/>
                    <a:pt x="537376" y="23760"/>
                    <a:pt x="506185" y="8164"/>
                  </a:cubicBezTo>
                  <a:cubicBezTo>
                    <a:pt x="498488" y="4315"/>
                    <a:pt x="489856" y="2721"/>
                    <a:pt x="481692" y="0"/>
                  </a:cubicBezTo>
                  <a:cubicBezTo>
                    <a:pt x="459921" y="5443"/>
                    <a:pt x="435621" y="4782"/>
                    <a:pt x="416378" y="16328"/>
                  </a:cubicBezTo>
                  <a:cubicBezTo>
                    <a:pt x="393276" y="30189"/>
                    <a:pt x="376058" y="52441"/>
                    <a:pt x="359228" y="73478"/>
                  </a:cubicBezTo>
                  <a:cubicBezTo>
                    <a:pt x="303500" y="143139"/>
                    <a:pt x="322417" y="116613"/>
                    <a:pt x="253092" y="228600"/>
                  </a:cubicBezTo>
                  <a:cubicBezTo>
                    <a:pt x="213124" y="293163"/>
                    <a:pt x="224960" y="281348"/>
                    <a:pt x="187778" y="351064"/>
                  </a:cubicBezTo>
                  <a:cubicBezTo>
                    <a:pt x="177453" y="370424"/>
                    <a:pt x="164399" y="388332"/>
                    <a:pt x="155121" y="408214"/>
                  </a:cubicBezTo>
                  <a:cubicBezTo>
                    <a:pt x="145288" y="429284"/>
                    <a:pt x="139264" y="451939"/>
                    <a:pt x="130628" y="473528"/>
                  </a:cubicBezTo>
                  <a:cubicBezTo>
                    <a:pt x="122931" y="492771"/>
                    <a:pt x="113575" y="511334"/>
                    <a:pt x="106135" y="530678"/>
                  </a:cubicBezTo>
                  <a:cubicBezTo>
                    <a:pt x="48929" y="679416"/>
                    <a:pt x="137919" y="467404"/>
                    <a:pt x="65314" y="636814"/>
                  </a:cubicBezTo>
                  <a:cubicBezTo>
                    <a:pt x="59067" y="668049"/>
                    <a:pt x="50750" y="716361"/>
                    <a:pt x="40821" y="751114"/>
                  </a:cubicBezTo>
                  <a:cubicBezTo>
                    <a:pt x="30448" y="787419"/>
                    <a:pt x="32998" y="765736"/>
                    <a:pt x="24492" y="808264"/>
                  </a:cubicBezTo>
                  <a:cubicBezTo>
                    <a:pt x="21245" y="824496"/>
                    <a:pt x="19574" y="841018"/>
                    <a:pt x="16328" y="857250"/>
                  </a:cubicBezTo>
                  <a:cubicBezTo>
                    <a:pt x="11203" y="882878"/>
                    <a:pt x="7781" y="891056"/>
                    <a:pt x="0" y="914400"/>
                  </a:cubicBezTo>
                  <a:cubicBezTo>
                    <a:pt x="2721" y="982436"/>
                    <a:pt x="3917" y="1050550"/>
                    <a:pt x="8164" y="1118507"/>
                  </a:cubicBezTo>
                  <a:cubicBezTo>
                    <a:pt x="11843" y="1177365"/>
                    <a:pt x="17204" y="1165461"/>
                    <a:pt x="24492" y="1216478"/>
                  </a:cubicBezTo>
                  <a:cubicBezTo>
                    <a:pt x="34832" y="1288855"/>
                    <a:pt x="26254" y="1271628"/>
                    <a:pt x="40821" y="1322614"/>
                  </a:cubicBezTo>
                  <a:cubicBezTo>
                    <a:pt x="43185" y="1330889"/>
                    <a:pt x="44211" y="1339946"/>
                    <a:pt x="48985" y="1347107"/>
                  </a:cubicBezTo>
                  <a:cubicBezTo>
                    <a:pt x="55390" y="1356714"/>
                    <a:pt x="66086" y="1362730"/>
                    <a:pt x="73478" y="1371600"/>
                  </a:cubicBezTo>
                  <a:cubicBezTo>
                    <a:pt x="79760" y="1379138"/>
                    <a:pt x="83288" y="1388759"/>
                    <a:pt x="89807" y="1396093"/>
                  </a:cubicBezTo>
                  <a:cubicBezTo>
                    <a:pt x="105148" y="1413352"/>
                    <a:pt x="125983" y="1425865"/>
                    <a:pt x="138792" y="1445078"/>
                  </a:cubicBezTo>
                  <a:cubicBezTo>
                    <a:pt x="144235" y="1453242"/>
                    <a:pt x="147736" y="1463110"/>
                    <a:pt x="155121" y="1469571"/>
                  </a:cubicBezTo>
                  <a:cubicBezTo>
                    <a:pt x="169890" y="1482494"/>
                    <a:pt x="190230" y="1488351"/>
                    <a:pt x="204107" y="1502228"/>
                  </a:cubicBezTo>
                  <a:cubicBezTo>
                    <a:pt x="240770" y="1538891"/>
                    <a:pt x="217647" y="1523070"/>
                    <a:pt x="277585" y="1543050"/>
                  </a:cubicBezTo>
                  <a:lnTo>
                    <a:pt x="302078" y="1551214"/>
                  </a:lnTo>
                  <a:cubicBezTo>
                    <a:pt x="446116" y="1533210"/>
                    <a:pt x="288362" y="1555589"/>
                    <a:pt x="432707" y="1526721"/>
                  </a:cubicBezTo>
                  <a:cubicBezTo>
                    <a:pt x="446314" y="1524000"/>
                    <a:pt x="460066" y="1521922"/>
                    <a:pt x="473528" y="1518557"/>
                  </a:cubicBezTo>
                  <a:cubicBezTo>
                    <a:pt x="513070" y="1508672"/>
                    <a:pt x="507546" y="1515836"/>
                    <a:pt x="522514" y="1518557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71779E75-8D06-3742-A710-7EB60C5E687A}"/>
                </a:ext>
              </a:extLst>
            </p:cNvPr>
            <p:cNvSpPr/>
            <p:nvPr/>
          </p:nvSpPr>
          <p:spPr bwMode="auto">
            <a:xfrm>
              <a:off x="2757293" y="2147207"/>
              <a:ext cx="649056" cy="326682"/>
            </a:xfrm>
            <a:custGeom>
              <a:avLst/>
              <a:gdLst>
                <a:gd name="connsiteX0" fmla="*/ 239000 w 649056"/>
                <a:gd name="connsiteY0" fmla="*/ 302079 h 326682"/>
                <a:gd name="connsiteX1" fmla="*/ 198178 w 649056"/>
                <a:gd name="connsiteY1" fmla="*/ 318407 h 326682"/>
                <a:gd name="connsiteX2" fmla="*/ 108371 w 649056"/>
                <a:gd name="connsiteY2" fmla="*/ 293914 h 326682"/>
                <a:gd name="connsiteX3" fmla="*/ 75714 w 649056"/>
                <a:gd name="connsiteY3" fmla="*/ 244929 h 326682"/>
                <a:gd name="connsiteX4" fmla="*/ 59386 w 649056"/>
                <a:gd name="connsiteY4" fmla="*/ 220436 h 326682"/>
                <a:gd name="connsiteX5" fmla="*/ 43057 w 649056"/>
                <a:gd name="connsiteY5" fmla="*/ 171450 h 326682"/>
                <a:gd name="connsiteX6" fmla="*/ 34893 w 649056"/>
                <a:gd name="connsiteY6" fmla="*/ 146957 h 326682"/>
                <a:gd name="connsiteX7" fmla="*/ 18564 w 649056"/>
                <a:gd name="connsiteY7" fmla="*/ 122464 h 326682"/>
                <a:gd name="connsiteX8" fmla="*/ 10400 w 649056"/>
                <a:gd name="connsiteY8" fmla="*/ 16329 h 326682"/>
                <a:gd name="connsiteX9" fmla="*/ 43057 w 649056"/>
                <a:gd name="connsiteY9" fmla="*/ 0 h 326682"/>
                <a:gd name="connsiteX10" fmla="*/ 426778 w 649056"/>
                <a:gd name="connsiteY10" fmla="*/ 8164 h 326682"/>
                <a:gd name="connsiteX11" fmla="*/ 492093 w 649056"/>
                <a:gd name="connsiteY11" fmla="*/ 24493 h 326682"/>
                <a:gd name="connsiteX12" fmla="*/ 541078 w 649056"/>
                <a:gd name="connsiteY12" fmla="*/ 32657 h 326682"/>
                <a:gd name="connsiteX13" fmla="*/ 590064 w 649056"/>
                <a:gd name="connsiteY13" fmla="*/ 48986 h 326682"/>
                <a:gd name="connsiteX14" fmla="*/ 614557 w 649056"/>
                <a:gd name="connsiteY14" fmla="*/ 57150 h 326682"/>
                <a:gd name="connsiteX15" fmla="*/ 630886 w 649056"/>
                <a:gd name="connsiteY15" fmla="*/ 163286 h 326682"/>
                <a:gd name="connsiteX16" fmla="*/ 573736 w 649056"/>
                <a:gd name="connsiteY16" fmla="*/ 204107 h 326682"/>
                <a:gd name="connsiteX17" fmla="*/ 532914 w 649056"/>
                <a:gd name="connsiteY17" fmla="*/ 220436 h 326682"/>
                <a:gd name="connsiteX18" fmla="*/ 459436 w 649056"/>
                <a:gd name="connsiteY18" fmla="*/ 261257 h 326682"/>
                <a:gd name="connsiteX19" fmla="*/ 434943 w 649056"/>
                <a:gd name="connsiteY19" fmla="*/ 277586 h 326682"/>
                <a:gd name="connsiteX20" fmla="*/ 345136 w 649056"/>
                <a:gd name="connsiteY20" fmla="*/ 310243 h 326682"/>
                <a:gd name="connsiteX21" fmla="*/ 312478 w 649056"/>
                <a:gd name="connsiteY21" fmla="*/ 318407 h 326682"/>
                <a:gd name="connsiteX22" fmla="*/ 287986 w 649056"/>
                <a:gd name="connsiteY22" fmla="*/ 326572 h 326682"/>
                <a:gd name="connsiteX23" fmla="*/ 239000 w 649056"/>
                <a:gd name="connsiteY23" fmla="*/ 302079 h 3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649056" h="326682">
                  <a:moveTo>
                    <a:pt x="239000" y="302079"/>
                  </a:moveTo>
                  <a:cubicBezTo>
                    <a:pt x="224032" y="300718"/>
                    <a:pt x="212790" y="317283"/>
                    <a:pt x="198178" y="318407"/>
                  </a:cubicBezTo>
                  <a:cubicBezTo>
                    <a:pt x="143507" y="322612"/>
                    <a:pt x="142006" y="316338"/>
                    <a:pt x="108371" y="293914"/>
                  </a:cubicBezTo>
                  <a:lnTo>
                    <a:pt x="75714" y="244929"/>
                  </a:lnTo>
                  <a:cubicBezTo>
                    <a:pt x="70271" y="236765"/>
                    <a:pt x="62489" y="229745"/>
                    <a:pt x="59386" y="220436"/>
                  </a:cubicBezTo>
                  <a:lnTo>
                    <a:pt x="43057" y="171450"/>
                  </a:lnTo>
                  <a:cubicBezTo>
                    <a:pt x="40336" y="163286"/>
                    <a:pt x="39667" y="154118"/>
                    <a:pt x="34893" y="146957"/>
                  </a:cubicBezTo>
                  <a:lnTo>
                    <a:pt x="18564" y="122464"/>
                  </a:lnTo>
                  <a:cubicBezTo>
                    <a:pt x="6420" y="86031"/>
                    <a:pt x="-11679" y="56073"/>
                    <a:pt x="10400" y="16329"/>
                  </a:cubicBezTo>
                  <a:cubicBezTo>
                    <a:pt x="16311" y="5690"/>
                    <a:pt x="32171" y="5443"/>
                    <a:pt x="43057" y="0"/>
                  </a:cubicBezTo>
                  <a:cubicBezTo>
                    <a:pt x="170964" y="2721"/>
                    <a:pt x="299032" y="1196"/>
                    <a:pt x="426778" y="8164"/>
                  </a:cubicBezTo>
                  <a:cubicBezTo>
                    <a:pt x="449186" y="9386"/>
                    <a:pt x="469957" y="20804"/>
                    <a:pt x="492093" y="24493"/>
                  </a:cubicBezTo>
                  <a:lnTo>
                    <a:pt x="541078" y="32657"/>
                  </a:lnTo>
                  <a:lnTo>
                    <a:pt x="590064" y="48986"/>
                  </a:lnTo>
                  <a:lnTo>
                    <a:pt x="614557" y="57150"/>
                  </a:lnTo>
                  <a:cubicBezTo>
                    <a:pt x="658741" y="86607"/>
                    <a:pt x="656233" y="74570"/>
                    <a:pt x="630886" y="163286"/>
                  </a:cubicBezTo>
                  <a:cubicBezTo>
                    <a:pt x="625609" y="181754"/>
                    <a:pt x="587394" y="198037"/>
                    <a:pt x="573736" y="204107"/>
                  </a:cubicBezTo>
                  <a:cubicBezTo>
                    <a:pt x="560344" y="210059"/>
                    <a:pt x="545780" y="213418"/>
                    <a:pt x="532914" y="220436"/>
                  </a:cubicBezTo>
                  <a:cubicBezTo>
                    <a:pt x="444685" y="268561"/>
                    <a:pt x="516614" y="242198"/>
                    <a:pt x="459436" y="261257"/>
                  </a:cubicBezTo>
                  <a:cubicBezTo>
                    <a:pt x="451272" y="266700"/>
                    <a:pt x="443719" y="273198"/>
                    <a:pt x="434943" y="277586"/>
                  </a:cubicBezTo>
                  <a:cubicBezTo>
                    <a:pt x="418719" y="285698"/>
                    <a:pt x="360368" y="306435"/>
                    <a:pt x="345136" y="310243"/>
                  </a:cubicBezTo>
                  <a:cubicBezTo>
                    <a:pt x="334250" y="312964"/>
                    <a:pt x="323267" y="315324"/>
                    <a:pt x="312478" y="318407"/>
                  </a:cubicBezTo>
                  <a:cubicBezTo>
                    <a:pt x="304203" y="320771"/>
                    <a:pt x="296556" y="325793"/>
                    <a:pt x="287986" y="326572"/>
                  </a:cubicBezTo>
                  <a:cubicBezTo>
                    <a:pt x="266304" y="328543"/>
                    <a:pt x="253968" y="303440"/>
                    <a:pt x="239000" y="302079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pic>
          <p:nvPicPr>
            <p:cNvPr id="20" name="Picture 19" descr="Figure">
              <a:extLst>
                <a:ext uri="{FF2B5EF4-FFF2-40B4-BE49-F238E27FC236}">
                  <a16:creationId xmlns:a16="http://schemas.microsoft.com/office/drawing/2014/main" id="{41DB95B2-F16D-6941-BEB2-A91FA75B278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83048" y="4874819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0" descr="Figure">
              <a:extLst>
                <a:ext uri="{FF2B5EF4-FFF2-40B4-BE49-F238E27FC236}">
                  <a16:creationId xmlns:a16="http://schemas.microsoft.com/office/drawing/2014/main" id="{43839358-E1C8-394D-82FB-886A597B84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63886" y="4872450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1" descr="Figure">
              <a:extLst>
                <a:ext uri="{FF2B5EF4-FFF2-40B4-BE49-F238E27FC236}">
                  <a16:creationId xmlns:a16="http://schemas.microsoft.com/office/drawing/2014/main" id="{C253BBCE-F689-2744-B5E0-BE42D987591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56544" y="4872450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4EA25E-17BC-0E48-B536-2CBAD61A3520}"/>
              </a:ext>
            </a:extLst>
          </p:cNvPr>
          <p:cNvGrpSpPr/>
          <p:nvPr/>
        </p:nvGrpSpPr>
        <p:grpSpPr>
          <a:xfrm>
            <a:off x="1221654" y="1935538"/>
            <a:ext cx="3162295" cy="3144106"/>
            <a:chOff x="573459" y="2100017"/>
            <a:chExt cx="3162295" cy="3144106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E51C0C85-A4CC-5343-A55D-3F0224D25C3F}"/>
                </a:ext>
              </a:extLst>
            </p:cNvPr>
            <p:cNvGrpSpPr/>
            <p:nvPr/>
          </p:nvGrpSpPr>
          <p:grpSpPr>
            <a:xfrm>
              <a:off x="650199" y="2100017"/>
              <a:ext cx="3085555" cy="3144106"/>
              <a:chOff x="650199" y="2100017"/>
              <a:chExt cx="3085555" cy="3144106"/>
            </a:xfrm>
          </p:grpSpPr>
          <p:pic>
            <p:nvPicPr>
              <p:cNvPr id="16" name="Picture 15" descr="Figure">
                <a:extLst>
                  <a:ext uri="{FF2B5EF4-FFF2-40B4-BE49-F238E27FC236}">
                    <a16:creationId xmlns:a16="http://schemas.microsoft.com/office/drawing/2014/main" id="{2B01BC76-1075-E048-8F02-4106057C7D6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4085" r="66627"/>
              <a:stretch/>
            </p:blipFill>
            <p:spPr bwMode="auto">
              <a:xfrm rot="10800000">
                <a:off x="650199" y="2100017"/>
                <a:ext cx="2875015" cy="28803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4" name="Freeform 23">
                <a:extLst>
                  <a:ext uri="{FF2B5EF4-FFF2-40B4-BE49-F238E27FC236}">
                    <a16:creationId xmlns:a16="http://schemas.microsoft.com/office/drawing/2014/main" id="{2346F62B-031B-124D-B6C2-74DEBC5AB157}"/>
                  </a:ext>
                </a:extLst>
              </p:cNvPr>
              <p:cNvSpPr/>
              <p:nvPr/>
            </p:nvSpPr>
            <p:spPr bwMode="auto">
              <a:xfrm>
                <a:off x="2618154" y="2203851"/>
                <a:ext cx="1117600" cy="3040272"/>
              </a:xfrm>
              <a:custGeom>
                <a:avLst/>
                <a:gdLst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31446 w 1117600"/>
                  <a:gd name="connsiteY53" fmla="*/ 2219657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547077 w 1117600"/>
                  <a:gd name="connsiteY52" fmla="*/ 2243103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  <a:gd name="connsiteX0" fmla="*/ 226646 w 1117600"/>
                  <a:gd name="connsiteY0" fmla="*/ 742549 h 3040272"/>
                  <a:gd name="connsiteX1" fmla="*/ 187569 w 1117600"/>
                  <a:gd name="connsiteY1" fmla="*/ 750364 h 3040272"/>
                  <a:gd name="connsiteX2" fmla="*/ 117231 w 1117600"/>
                  <a:gd name="connsiteY2" fmla="*/ 734734 h 3040272"/>
                  <a:gd name="connsiteX3" fmla="*/ 85969 w 1117600"/>
                  <a:gd name="connsiteY3" fmla="*/ 687841 h 3040272"/>
                  <a:gd name="connsiteX4" fmla="*/ 62523 w 1117600"/>
                  <a:gd name="connsiteY4" fmla="*/ 664395 h 3040272"/>
                  <a:gd name="connsiteX5" fmla="*/ 31261 w 1117600"/>
                  <a:gd name="connsiteY5" fmla="*/ 617503 h 3040272"/>
                  <a:gd name="connsiteX6" fmla="*/ 23446 w 1117600"/>
                  <a:gd name="connsiteY6" fmla="*/ 594057 h 3040272"/>
                  <a:gd name="connsiteX7" fmla="*/ 39077 w 1117600"/>
                  <a:gd name="connsiteY7" fmla="*/ 398672 h 3040272"/>
                  <a:gd name="connsiteX8" fmla="*/ 31261 w 1117600"/>
                  <a:gd name="connsiteY8" fmla="*/ 289257 h 3040272"/>
                  <a:gd name="connsiteX9" fmla="*/ 15631 w 1117600"/>
                  <a:gd name="connsiteY9" fmla="*/ 242364 h 3040272"/>
                  <a:gd name="connsiteX10" fmla="*/ 7815 w 1117600"/>
                  <a:gd name="connsiteY10" fmla="*/ 218918 h 3040272"/>
                  <a:gd name="connsiteX11" fmla="*/ 15631 w 1117600"/>
                  <a:gd name="connsiteY11" fmla="*/ 179841 h 3040272"/>
                  <a:gd name="connsiteX12" fmla="*/ 0 w 1117600"/>
                  <a:gd name="connsiteY12" fmla="*/ 101687 h 3040272"/>
                  <a:gd name="connsiteX13" fmla="*/ 109415 w 1117600"/>
                  <a:gd name="connsiteY13" fmla="*/ 54795 h 3040272"/>
                  <a:gd name="connsiteX14" fmla="*/ 351692 w 1117600"/>
                  <a:gd name="connsiteY14" fmla="*/ 39164 h 3040272"/>
                  <a:gd name="connsiteX15" fmla="*/ 461108 w 1117600"/>
                  <a:gd name="connsiteY15" fmla="*/ 23534 h 3040272"/>
                  <a:gd name="connsiteX16" fmla="*/ 554892 w 1117600"/>
                  <a:gd name="connsiteY16" fmla="*/ 7903 h 3040272"/>
                  <a:gd name="connsiteX17" fmla="*/ 640861 w 1117600"/>
                  <a:gd name="connsiteY17" fmla="*/ 87 h 3040272"/>
                  <a:gd name="connsiteX18" fmla="*/ 898769 w 1117600"/>
                  <a:gd name="connsiteY18" fmla="*/ 15718 h 3040272"/>
                  <a:gd name="connsiteX19" fmla="*/ 922215 w 1117600"/>
                  <a:gd name="connsiteY19" fmla="*/ 23534 h 3040272"/>
                  <a:gd name="connsiteX20" fmla="*/ 945661 w 1117600"/>
                  <a:gd name="connsiteY20" fmla="*/ 39164 h 3040272"/>
                  <a:gd name="connsiteX21" fmla="*/ 961292 w 1117600"/>
                  <a:gd name="connsiteY21" fmla="*/ 62611 h 3040272"/>
                  <a:gd name="connsiteX22" fmla="*/ 984738 w 1117600"/>
                  <a:gd name="connsiteY22" fmla="*/ 125134 h 3040272"/>
                  <a:gd name="connsiteX23" fmla="*/ 1008184 w 1117600"/>
                  <a:gd name="connsiteY23" fmla="*/ 508087 h 3040272"/>
                  <a:gd name="connsiteX24" fmla="*/ 1016000 w 1117600"/>
                  <a:gd name="connsiteY24" fmla="*/ 656580 h 3040272"/>
                  <a:gd name="connsiteX25" fmla="*/ 1031631 w 1117600"/>
                  <a:gd name="connsiteY25" fmla="*/ 805072 h 3040272"/>
                  <a:gd name="connsiteX26" fmla="*/ 1047261 w 1117600"/>
                  <a:gd name="connsiteY26" fmla="*/ 977011 h 3040272"/>
                  <a:gd name="connsiteX27" fmla="*/ 1070708 w 1117600"/>
                  <a:gd name="connsiteY27" fmla="*/ 1141134 h 3040272"/>
                  <a:gd name="connsiteX28" fmla="*/ 1078523 w 1117600"/>
                  <a:gd name="connsiteY28" fmla="*/ 1273995 h 3040272"/>
                  <a:gd name="connsiteX29" fmla="*/ 1094154 w 1117600"/>
                  <a:gd name="connsiteY29" fmla="*/ 1391226 h 3040272"/>
                  <a:gd name="connsiteX30" fmla="*/ 1101969 w 1117600"/>
                  <a:gd name="connsiteY30" fmla="*/ 1485011 h 3040272"/>
                  <a:gd name="connsiteX31" fmla="*/ 1109784 w 1117600"/>
                  <a:gd name="connsiteY31" fmla="*/ 1547534 h 3040272"/>
                  <a:gd name="connsiteX32" fmla="*/ 1117600 w 1117600"/>
                  <a:gd name="connsiteY32" fmla="*/ 1641318 h 3040272"/>
                  <a:gd name="connsiteX33" fmla="*/ 1109784 w 1117600"/>
                  <a:gd name="connsiteY33" fmla="*/ 2071164 h 3040272"/>
                  <a:gd name="connsiteX34" fmla="*/ 1101969 w 1117600"/>
                  <a:gd name="connsiteY34" fmla="*/ 2149318 h 3040272"/>
                  <a:gd name="connsiteX35" fmla="*/ 1094154 w 1117600"/>
                  <a:gd name="connsiteY35" fmla="*/ 2336887 h 3040272"/>
                  <a:gd name="connsiteX36" fmla="*/ 1062892 w 1117600"/>
                  <a:gd name="connsiteY36" fmla="*/ 2563534 h 3040272"/>
                  <a:gd name="connsiteX37" fmla="*/ 1047261 w 1117600"/>
                  <a:gd name="connsiteY37" fmla="*/ 2672949 h 3040272"/>
                  <a:gd name="connsiteX38" fmla="*/ 1031631 w 1117600"/>
                  <a:gd name="connsiteY38" fmla="*/ 2758918 h 3040272"/>
                  <a:gd name="connsiteX39" fmla="*/ 1008184 w 1117600"/>
                  <a:gd name="connsiteY39" fmla="*/ 2876149 h 3040272"/>
                  <a:gd name="connsiteX40" fmla="*/ 992554 w 1117600"/>
                  <a:gd name="connsiteY40" fmla="*/ 2954303 h 3040272"/>
                  <a:gd name="connsiteX41" fmla="*/ 976923 w 1117600"/>
                  <a:gd name="connsiteY41" fmla="*/ 2993380 h 3040272"/>
                  <a:gd name="connsiteX42" fmla="*/ 969108 w 1117600"/>
                  <a:gd name="connsiteY42" fmla="*/ 3016826 h 3040272"/>
                  <a:gd name="connsiteX43" fmla="*/ 914400 w 1117600"/>
                  <a:gd name="connsiteY43" fmla="*/ 3040272 h 3040272"/>
                  <a:gd name="connsiteX44" fmla="*/ 851877 w 1117600"/>
                  <a:gd name="connsiteY44" fmla="*/ 3032457 h 3040272"/>
                  <a:gd name="connsiteX45" fmla="*/ 820615 w 1117600"/>
                  <a:gd name="connsiteY45" fmla="*/ 3016826 h 3040272"/>
                  <a:gd name="connsiteX46" fmla="*/ 781538 w 1117600"/>
                  <a:gd name="connsiteY46" fmla="*/ 3001195 h 3040272"/>
                  <a:gd name="connsiteX47" fmla="*/ 695569 w 1117600"/>
                  <a:gd name="connsiteY47" fmla="*/ 2954303 h 3040272"/>
                  <a:gd name="connsiteX48" fmla="*/ 656492 w 1117600"/>
                  <a:gd name="connsiteY48" fmla="*/ 2891780 h 3040272"/>
                  <a:gd name="connsiteX49" fmla="*/ 648677 w 1117600"/>
                  <a:gd name="connsiteY49" fmla="*/ 2477564 h 3040272"/>
                  <a:gd name="connsiteX50" fmla="*/ 640861 w 1117600"/>
                  <a:gd name="connsiteY50" fmla="*/ 2375964 h 3040272"/>
                  <a:gd name="connsiteX51" fmla="*/ 601784 w 1117600"/>
                  <a:gd name="connsiteY51" fmla="*/ 2313441 h 3040272"/>
                  <a:gd name="connsiteX52" fmla="*/ 633047 w 1117600"/>
                  <a:gd name="connsiteY52" fmla="*/ 2282180 h 3040272"/>
                  <a:gd name="connsiteX53" fmla="*/ 593969 w 1117600"/>
                  <a:gd name="connsiteY53" fmla="*/ 2211842 h 3040272"/>
                  <a:gd name="connsiteX54" fmla="*/ 554892 w 1117600"/>
                  <a:gd name="connsiteY54" fmla="*/ 2055534 h 3040272"/>
                  <a:gd name="connsiteX55" fmla="*/ 570523 w 1117600"/>
                  <a:gd name="connsiteY55" fmla="*/ 2032087 h 3040272"/>
                  <a:gd name="connsiteX56" fmla="*/ 562708 w 1117600"/>
                  <a:gd name="connsiteY56" fmla="*/ 1789811 h 3040272"/>
                  <a:gd name="connsiteX57" fmla="*/ 554892 w 1117600"/>
                  <a:gd name="connsiteY57" fmla="*/ 1617872 h 3040272"/>
                  <a:gd name="connsiteX58" fmla="*/ 547077 w 1117600"/>
                  <a:gd name="connsiteY58" fmla="*/ 1594426 h 3040272"/>
                  <a:gd name="connsiteX59" fmla="*/ 492369 w 1117600"/>
                  <a:gd name="connsiteY59" fmla="*/ 1547534 h 3040272"/>
                  <a:gd name="connsiteX60" fmla="*/ 453292 w 1117600"/>
                  <a:gd name="connsiteY60" fmla="*/ 1524087 h 3040272"/>
                  <a:gd name="connsiteX61" fmla="*/ 429846 w 1117600"/>
                  <a:gd name="connsiteY61" fmla="*/ 1508457 h 3040272"/>
                  <a:gd name="connsiteX62" fmla="*/ 398584 w 1117600"/>
                  <a:gd name="connsiteY62" fmla="*/ 1492826 h 3040272"/>
                  <a:gd name="connsiteX63" fmla="*/ 336061 w 1117600"/>
                  <a:gd name="connsiteY63" fmla="*/ 1438118 h 3040272"/>
                  <a:gd name="connsiteX64" fmla="*/ 296984 w 1117600"/>
                  <a:gd name="connsiteY64" fmla="*/ 1406857 h 3040272"/>
                  <a:gd name="connsiteX65" fmla="*/ 273538 w 1117600"/>
                  <a:gd name="connsiteY65" fmla="*/ 1367780 h 3040272"/>
                  <a:gd name="connsiteX66" fmla="*/ 242277 w 1117600"/>
                  <a:gd name="connsiteY66" fmla="*/ 1328703 h 3040272"/>
                  <a:gd name="connsiteX67" fmla="*/ 203200 w 1117600"/>
                  <a:gd name="connsiteY67" fmla="*/ 1227103 h 3040272"/>
                  <a:gd name="connsiteX68" fmla="*/ 179754 w 1117600"/>
                  <a:gd name="connsiteY68" fmla="*/ 1172395 h 3040272"/>
                  <a:gd name="connsiteX69" fmla="*/ 171938 w 1117600"/>
                  <a:gd name="connsiteY69" fmla="*/ 1117687 h 3040272"/>
                  <a:gd name="connsiteX70" fmla="*/ 156308 w 1117600"/>
                  <a:gd name="connsiteY70" fmla="*/ 1078611 h 3040272"/>
                  <a:gd name="connsiteX71" fmla="*/ 148492 w 1117600"/>
                  <a:gd name="connsiteY71" fmla="*/ 1039534 h 3040272"/>
                  <a:gd name="connsiteX72" fmla="*/ 148492 w 1117600"/>
                  <a:gd name="connsiteY72" fmla="*/ 758180 h 3040272"/>
                  <a:gd name="connsiteX73" fmla="*/ 195384 w 1117600"/>
                  <a:gd name="connsiteY73" fmla="*/ 773811 h 3040272"/>
                  <a:gd name="connsiteX74" fmla="*/ 226646 w 1117600"/>
                  <a:gd name="connsiteY74" fmla="*/ 742549 h 3040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</a:cxnLst>
                <a:rect l="l" t="t" r="r" b="b"/>
                <a:pathLst>
                  <a:path w="1117600" h="3040272">
                    <a:moveTo>
                      <a:pt x="226646" y="742549"/>
                    </a:moveTo>
                    <a:cubicBezTo>
                      <a:pt x="213620" y="745154"/>
                      <a:pt x="200853" y="750364"/>
                      <a:pt x="187569" y="750364"/>
                    </a:cubicBezTo>
                    <a:cubicBezTo>
                      <a:pt x="160060" y="750364"/>
                      <a:pt x="141409" y="742793"/>
                      <a:pt x="117231" y="734734"/>
                    </a:cubicBezTo>
                    <a:cubicBezTo>
                      <a:pt x="106810" y="719103"/>
                      <a:pt x="99253" y="701125"/>
                      <a:pt x="85969" y="687841"/>
                    </a:cubicBezTo>
                    <a:cubicBezTo>
                      <a:pt x="78154" y="680026"/>
                      <a:pt x="69309" y="673119"/>
                      <a:pt x="62523" y="664395"/>
                    </a:cubicBezTo>
                    <a:cubicBezTo>
                      <a:pt x="50990" y="649566"/>
                      <a:pt x="31261" y="617503"/>
                      <a:pt x="31261" y="617503"/>
                    </a:cubicBezTo>
                    <a:cubicBezTo>
                      <a:pt x="28656" y="609688"/>
                      <a:pt x="23152" y="602290"/>
                      <a:pt x="23446" y="594057"/>
                    </a:cubicBezTo>
                    <a:cubicBezTo>
                      <a:pt x="25778" y="528762"/>
                      <a:pt x="39077" y="398672"/>
                      <a:pt x="39077" y="398672"/>
                    </a:cubicBezTo>
                    <a:cubicBezTo>
                      <a:pt x="36472" y="362200"/>
                      <a:pt x="36685" y="325417"/>
                      <a:pt x="31261" y="289257"/>
                    </a:cubicBezTo>
                    <a:cubicBezTo>
                      <a:pt x="28817" y="272963"/>
                      <a:pt x="20841" y="257995"/>
                      <a:pt x="15631" y="242364"/>
                    </a:cubicBezTo>
                    <a:lnTo>
                      <a:pt x="7815" y="218918"/>
                    </a:lnTo>
                    <a:cubicBezTo>
                      <a:pt x="10420" y="205892"/>
                      <a:pt x="15631" y="193125"/>
                      <a:pt x="15631" y="179841"/>
                    </a:cubicBezTo>
                    <a:cubicBezTo>
                      <a:pt x="15631" y="143924"/>
                      <a:pt x="9623" y="130559"/>
                      <a:pt x="0" y="101687"/>
                    </a:cubicBezTo>
                    <a:cubicBezTo>
                      <a:pt x="14383" y="29771"/>
                      <a:pt x="-5190" y="62435"/>
                      <a:pt x="109415" y="54795"/>
                    </a:cubicBezTo>
                    <a:lnTo>
                      <a:pt x="351692" y="39164"/>
                    </a:lnTo>
                    <a:cubicBezTo>
                      <a:pt x="388325" y="35239"/>
                      <a:pt x="424767" y="29591"/>
                      <a:pt x="461108" y="23534"/>
                    </a:cubicBezTo>
                    <a:cubicBezTo>
                      <a:pt x="492369" y="18324"/>
                      <a:pt x="523330" y="10773"/>
                      <a:pt x="554892" y="7903"/>
                    </a:cubicBezTo>
                    <a:lnTo>
                      <a:pt x="640861" y="87"/>
                    </a:lnTo>
                    <a:cubicBezTo>
                      <a:pt x="773550" y="4663"/>
                      <a:pt x="809047" y="-9918"/>
                      <a:pt x="898769" y="15718"/>
                    </a:cubicBezTo>
                    <a:cubicBezTo>
                      <a:pt x="906690" y="17981"/>
                      <a:pt x="914847" y="19850"/>
                      <a:pt x="922215" y="23534"/>
                    </a:cubicBezTo>
                    <a:cubicBezTo>
                      <a:pt x="930616" y="27735"/>
                      <a:pt x="937846" y="33954"/>
                      <a:pt x="945661" y="39164"/>
                    </a:cubicBezTo>
                    <a:cubicBezTo>
                      <a:pt x="950871" y="46980"/>
                      <a:pt x="957091" y="54209"/>
                      <a:pt x="961292" y="62611"/>
                    </a:cubicBezTo>
                    <a:cubicBezTo>
                      <a:pt x="970641" y="81309"/>
                      <a:pt x="977973" y="104837"/>
                      <a:pt x="984738" y="125134"/>
                    </a:cubicBezTo>
                    <a:cubicBezTo>
                      <a:pt x="1000431" y="313434"/>
                      <a:pt x="991292" y="192766"/>
                      <a:pt x="1008184" y="508087"/>
                    </a:cubicBezTo>
                    <a:cubicBezTo>
                      <a:pt x="1010836" y="557582"/>
                      <a:pt x="1010811" y="607286"/>
                      <a:pt x="1016000" y="656580"/>
                    </a:cubicBezTo>
                    <a:cubicBezTo>
                      <a:pt x="1021210" y="706077"/>
                      <a:pt x="1026798" y="755536"/>
                      <a:pt x="1031631" y="805072"/>
                    </a:cubicBezTo>
                    <a:cubicBezTo>
                      <a:pt x="1037219" y="862349"/>
                      <a:pt x="1040614" y="919847"/>
                      <a:pt x="1047261" y="977011"/>
                    </a:cubicBezTo>
                    <a:cubicBezTo>
                      <a:pt x="1053644" y="1031904"/>
                      <a:pt x="1062892" y="1086426"/>
                      <a:pt x="1070708" y="1141134"/>
                    </a:cubicBezTo>
                    <a:cubicBezTo>
                      <a:pt x="1073313" y="1185421"/>
                      <a:pt x="1074382" y="1229825"/>
                      <a:pt x="1078523" y="1273995"/>
                    </a:cubicBezTo>
                    <a:cubicBezTo>
                      <a:pt x="1082203" y="1313246"/>
                      <a:pt x="1089801" y="1352044"/>
                      <a:pt x="1094154" y="1391226"/>
                    </a:cubicBezTo>
                    <a:cubicBezTo>
                      <a:pt x="1097618" y="1422404"/>
                      <a:pt x="1098848" y="1453797"/>
                      <a:pt x="1101969" y="1485011"/>
                    </a:cubicBezTo>
                    <a:cubicBezTo>
                      <a:pt x="1104059" y="1505910"/>
                      <a:pt x="1107694" y="1526635"/>
                      <a:pt x="1109784" y="1547534"/>
                    </a:cubicBezTo>
                    <a:cubicBezTo>
                      <a:pt x="1112905" y="1578748"/>
                      <a:pt x="1114995" y="1610057"/>
                      <a:pt x="1117600" y="1641318"/>
                    </a:cubicBezTo>
                    <a:cubicBezTo>
                      <a:pt x="1114995" y="1784600"/>
                      <a:pt x="1114191" y="1927926"/>
                      <a:pt x="1109784" y="2071164"/>
                    </a:cubicBezTo>
                    <a:cubicBezTo>
                      <a:pt x="1108979" y="2097333"/>
                      <a:pt x="1103506" y="2123182"/>
                      <a:pt x="1101969" y="2149318"/>
                    </a:cubicBezTo>
                    <a:cubicBezTo>
                      <a:pt x="1098295" y="2211787"/>
                      <a:pt x="1100031" y="2274586"/>
                      <a:pt x="1094154" y="2336887"/>
                    </a:cubicBezTo>
                    <a:cubicBezTo>
                      <a:pt x="1086991" y="2412814"/>
                      <a:pt x="1073432" y="2488001"/>
                      <a:pt x="1062892" y="2563534"/>
                    </a:cubicBezTo>
                    <a:cubicBezTo>
                      <a:pt x="1057801" y="2600022"/>
                      <a:pt x="1053851" y="2636701"/>
                      <a:pt x="1047261" y="2672949"/>
                    </a:cubicBezTo>
                    <a:cubicBezTo>
                      <a:pt x="1042051" y="2701605"/>
                      <a:pt x="1035952" y="2730114"/>
                      <a:pt x="1031631" y="2758918"/>
                    </a:cubicBezTo>
                    <a:cubicBezTo>
                      <a:pt x="1015866" y="2864021"/>
                      <a:pt x="1035556" y="2794034"/>
                      <a:pt x="1008184" y="2876149"/>
                    </a:cubicBezTo>
                    <a:cubicBezTo>
                      <a:pt x="1004337" y="2899233"/>
                      <a:pt x="1000325" y="2930988"/>
                      <a:pt x="992554" y="2954303"/>
                    </a:cubicBezTo>
                    <a:cubicBezTo>
                      <a:pt x="988118" y="2967612"/>
                      <a:pt x="981849" y="2980244"/>
                      <a:pt x="976923" y="2993380"/>
                    </a:cubicBezTo>
                    <a:cubicBezTo>
                      <a:pt x="974030" y="3001094"/>
                      <a:pt x="974933" y="3011001"/>
                      <a:pt x="969108" y="3016826"/>
                    </a:cubicBezTo>
                    <a:cubicBezTo>
                      <a:pt x="959450" y="3026484"/>
                      <a:pt x="928413" y="3035601"/>
                      <a:pt x="914400" y="3040272"/>
                    </a:cubicBezTo>
                    <a:cubicBezTo>
                      <a:pt x="893559" y="3037667"/>
                      <a:pt x="872253" y="3037551"/>
                      <a:pt x="851877" y="3032457"/>
                    </a:cubicBezTo>
                    <a:cubicBezTo>
                      <a:pt x="840574" y="3029631"/>
                      <a:pt x="831261" y="3021558"/>
                      <a:pt x="820615" y="3016826"/>
                    </a:cubicBezTo>
                    <a:cubicBezTo>
                      <a:pt x="807795" y="3011128"/>
                      <a:pt x="794276" y="3007074"/>
                      <a:pt x="781538" y="3001195"/>
                    </a:cubicBezTo>
                    <a:cubicBezTo>
                      <a:pt x="781455" y="3001157"/>
                      <a:pt x="709845" y="2968580"/>
                      <a:pt x="695569" y="2954303"/>
                    </a:cubicBezTo>
                    <a:cubicBezTo>
                      <a:pt x="675279" y="2934013"/>
                      <a:pt x="668873" y="2916542"/>
                      <a:pt x="656492" y="2891780"/>
                    </a:cubicBezTo>
                    <a:cubicBezTo>
                      <a:pt x="618886" y="2703751"/>
                      <a:pt x="640243" y="2840186"/>
                      <a:pt x="648677" y="2477564"/>
                    </a:cubicBezTo>
                    <a:cubicBezTo>
                      <a:pt x="646072" y="2443697"/>
                      <a:pt x="646764" y="2409414"/>
                      <a:pt x="640861" y="2375964"/>
                    </a:cubicBezTo>
                    <a:cubicBezTo>
                      <a:pt x="637896" y="2359160"/>
                      <a:pt x="603086" y="2329072"/>
                      <a:pt x="601784" y="2313441"/>
                    </a:cubicBezTo>
                    <a:cubicBezTo>
                      <a:pt x="600482" y="2297810"/>
                      <a:pt x="701652" y="2385087"/>
                      <a:pt x="633047" y="2282180"/>
                    </a:cubicBezTo>
                    <a:cubicBezTo>
                      <a:pt x="627837" y="2274365"/>
                      <a:pt x="599179" y="2219657"/>
                      <a:pt x="593969" y="2211842"/>
                    </a:cubicBezTo>
                    <a:cubicBezTo>
                      <a:pt x="595482" y="2189153"/>
                      <a:pt x="529989" y="2092890"/>
                      <a:pt x="554892" y="2055534"/>
                    </a:cubicBezTo>
                    <a:lnTo>
                      <a:pt x="570523" y="2032087"/>
                    </a:lnTo>
                    <a:cubicBezTo>
                      <a:pt x="567918" y="1951328"/>
                      <a:pt x="565755" y="1870554"/>
                      <a:pt x="562708" y="1789811"/>
                    </a:cubicBezTo>
                    <a:cubicBezTo>
                      <a:pt x="560545" y="1732480"/>
                      <a:pt x="559467" y="1675061"/>
                      <a:pt x="554892" y="1617872"/>
                    </a:cubicBezTo>
                    <a:cubicBezTo>
                      <a:pt x="554235" y="1609660"/>
                      <a:pt x="551647" y="1601280"/>
                      <a:pt x="547077" y="1594426"/>
                    </a:cubicBezTo>
                    <a:cubicBezTo>
                      <a:pt x="537417" y="1579935"/>
                      <a:pt x="505371" y="1556202"/>
                      <a:pt x="492369" y="1547534"/>
                    </a:cubicBezTo>
                    <a:cubicBezTo>
                      <a:pt x="479730" y="1539108"/>
                      <a:pt x="466174" y="1532138"/>
                      <a:pt x="453292" y="1524087"/>
                    </a:cubicBezTo>
                    <a:cubicBezTo>
                      <a:pt x="445327" y="1519109"/>
                      <a:pt x="438001" y="1513117"/>
                      <a:pt x="429846" y="1508457"/>
                    </a:cubicBezTo>
                    <a:cubicBezTo>
                      <a:pt x="419730" y="1502677"/>
                      <a:pt x="408464" y="1499001"/>
                      <a:pt x="398584" y="1492826"/>
                    </a:cubicBezTo>
                    <a:cubicBezTo>
                      <a:pt x="360864" y="1469251"/>
                      <a:pt x="370502" y="1468732"/>
                      <a:pt x="336061" y="1438118"/>
                    </a:cubicBezTo>
                    <a:cubicBezTo>
                      <a:pt x="323594" y="1427036"/>
                      <a:pt x="310010" y="1417277"/>
                      <a:pt x="296984" y="1406857"/>
                    </a:cubicBezTo>
                    <a:cubicBezTo>
                      <a:pt x="289169" y="1393831"/>
                      <a:pt x="282249" y="1380224"/>
                      <a:pt x="273538" y="1367780"/>
                    </a:cubicBezTo>
                    <a:cubicBezTo>
                      <a:pt x="263972" y="1354114"/>
                      <a:pt x="251232" y="1342776"/>
                      <a:pt x="242277" y="1328703"/>
                    </a:cubicBezTo>
                    <a:cubicBezTo>
                      <a:pt x="210760" y="1279176"/>
                      <a:pt x="223186" y="1283064"/>
                      <a:pt x="203200" y="1227103"/>
                    </a:cubicBezTo>
                    <a:cubicBezTo>
                      <a:pt x="196527" y="1208419"/>
                      <a:pt x="187569" y="1190631"/>
                      <a:pt x="179754" y="1172395"/>
                    </a:cubicBezTo>
                    <a:cubicBezTo>
                      <a:pt x="177149" y="1154159"/>
                      <a:pt x="176406" y="1135558"/>
                      <a:pt x="171938" y="1117687"/>
                    </a:cubicBezTo>
                    <a:cubicBezTo>
                      <a:pt x="168536" y="1104077"/>
                      <a:pt x="160339" y="1092048"/>
                      <a:pt x="156308" y="1078611"/>
                    </a:cubicBezTo>
                    <a:cubicBezTo>
                      <a:pt x="152491" y="1065888"/>
                      <a:pt x="151097" y="1052560"/>
                      <a:pt x="148492" y="1039534"/>
                    </a:cubicBezTo>
                    <a:cubicBezTo>
                      <a:pt x="139660" y="951206"/>
                      <a:pt x="124844" y="839261"/>
                      <a:pt x="148492" y="758180"/>
                    </a:cubicBezTo>
                    <a:cubicBezTo>
                      <a:pt x="153105" y="742363"/>
                      <a:pt x="195384" y="790287"/>
                      <a:pt x="195384" y="773811"/>
                    </a:cubicBezTo>
                    <a:lnTo>
                      <a:pt x="226646" y="742549"/>
                    </a:lnTo>
                    <a:close/>
                  </a:path>
                </a:pathLst>
              </a:cu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AE7F4791-2F4C-1F49-B892-22B850557472}"/>
                  </a:ext>
                </a:extLst>
              </p:cNvPr>
              <p:cNvSpPr/>
              <p:nvPr/>
            </p:nvSpPr>
            <p:spPr bwMode="auto">
              <a:xfrm>
                <a:off x="650199" y="2254139"/>
                <a:ext cx="259637" cy="163341"/>
              </a:xfrm>
              <a:prstGeom prst="rect">
                <a:avLst/>
              </a:prstGeom>
              <a:solidFill>
                <a:schemeClr val="bg1"/>
              </a:solidFill>
              <a:ln w="1778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  <p:pic>
          <p:nvPicPr>
            <p:cNvPr id="27" name="Picture 26" descr="Figure">
              <a:extLst>
                <a:ext uri="{FF2B5EF4-FFF2-40B4-BE49-F238E27FC236}">
                  <a16:creationId xmlns:a16="http://schemas.microsoft.com/office/drawing/2014/main" id="{B8E85877-04BC-C044-B4D5-D6D930FD330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5107" t="5910" r="54027" b="87113"/>
            <a:stretch/>
          </p:blipFill>
          <p:spPr bwMode="auto">
            <a:xfrm>
              <a:off x="573459" y="4968906"/>
              <a:ext cx="93610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7" descr="Figure">
              <a:extLst>
                <a:ext uri="{FF2B5EF4-FFF2-40B4-BE49-F238E27FC236}">
                  <a16:creationId xmlns:a16="http://schemas.microsoft.com/office/drawing/2014/main" id="{373802D0-BE84-DF4B-9A26-932636D6A15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222" t="5910" r="44380" b="87113"/>
            <a:stretch/>
          </p:blipFill>
          <p:spPr bwMode="auto">
            <a:xfrm>
              <a:off x="1454297" y="4966537"/>
              <a:ext cx="809595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8" descr="Figure">
              <a:extLst>
                <a:ext uri="{FF2B5EF4-FFF2-40B4-BE49-F238E27FC236}">
                  <a16:creationId xmlns:a16="http://schemas.microsoft.com/office/drawing/2014/main" id="{27A5DCBF-137A-3E41-94FF-E3CF23B315A1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253" t="5910" r="34801" b="87113"/>
            <a:stretch/>
          </p:blipFill>
          <p:spPr bwMode="auto">
            <a:xfrm>
              <a:off x="2446955" y="4966537"/>
              <a:ext cx="770673" cy="23391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33" descr="Figure">
            <a:extLst>
              <a:ext uri="{FF2B5EF4-FFF2-40B4-BE49-F238E27FC236}">
                <a16:creationId xmlns:a16="http://schemas.microsoft.com/office/drawing/2014/main" id="{CC4760B6-972E-8041-BC5F-D543AD392E4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38" r="95579" b="87019"/>
          <a:stretch/>
        </p:blipFill>
        <p:spPr bwMode="auto">
          <a:xfrm>
            <a:off x="594239" y="4614061"/>
            <a:ext cx="380817" cy="2160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63A39EFD-2F41-EA43-86A5-EB6FE0519EDB}"/>
              </a:ext>
            </a:extLst>
          </p:cNvPr>
          <p:cNvGrpSpPr/>
          <p:nvPr/>
        </p:nvGrpSpPr>
        <p:grpSpPr>
          <a:xfrm rot="10800000">
            <a:off x="931898" y="2035869"/>
            <a:ext cx="294401" cy="2844387"/>
            <a:chOff x="7385669" y="1381986"/>
            <a:chExt cx="294401" cy="2844387"/>
          </a:xfrm>
        </p:grpSpPr>
        <p:pic>
          <p:nvPicPr>
            <p:cNvPr id="35" name="Picture 34" descr="Figure">
              <a:extLst>
                <a:ext uri="{FF2B5EF4-FFF2-40B4-BE49-F238E27FC236}">
                  <a16:creationId xmlns:a16="http://schemas.microsoft.com/office/drawing/2014/main" id="{68BD4F43-193A-9744-A541-B0D219EBF216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392" t="12981" r="97251" b="4546"/>
            <a:stretch/>
          </p:blipFill>
          <p:spPr bwMode="auto">
            <a:xfrm>
              <a:off x="7385669" y="1381986"/>
              <a:ext cx="270561" cy="2764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EB0DA707-E5C3-4843-983B-DEF481F4E75C}"/>
                </a:ext>
              </a:extLst>
            </p:cNvPr>
            <p:cNvSpPr/>
            <p:nvPr/>
          </p:nvSpPr>
          <p:spPr bwMode="auto">
            <a:xfrm>
              <a:off x="7533252" y="1844715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DE84AF09-6B3D-FD43-B5E0-6B8AFC56F81C}"/>
                </a:ext>
              </a:extLst>
            </p:cNvPr>
            <p:cNvSpPr/>
            <p:nvPr/>
          </p:nvSpPr>
          <p:spPr bwMode="auto">
            <a:xfrm>
              <a:off x="7533252" y="3466539"/>
              <a:ext cx="146818" cy="759834"/>
            </a:xfrm>
            <a:custGeom>
              <a:avLst/>
              <a:gdLst>
                <a:gd name="connsiteX0" fmla="*/ 28832 w 285556"/>
                <a:gd name="connsiteY0" fmla="*/ 51328 h 759834"/>
                <a:gd name="connsiteX1" fmla="*/ 34148 w 285556"/>
                <a:gd name="connsiteY1" fmla="*/ 721179 h 759834"/>
                <a:gd name="connsiteX2" fmla="*/ 257432 w 285556"/>
                <a:gd name="connsiteY2" fmla="*/ 715863 h 759834"/>
                <a:gd name="connsiteX3" fmla="*/ 262748 w 285556"/>
                <a:gd name="connsiteY3" fmla="*/ 598905 h 759834"/>
                <a:gd name="connsiteX4" fmla="*/ 268064 w 285556"/>
                <a:gd name="connsiteY4" fmla="*/ 561691 h 759834"/>
                <a:gd name="connsiteX5" fmla="*/ 278697 w 285556"/>
                <a:gd name="connsiteY5" fmla="*/ 476630 h 759834"/>
                <a:gd name="connsiteX6" fmla="*/ 278697 w 285556"/>
                <a:gd name="connsiteY6" fmla="*/ 88542 h 759834"/>
                <a:gd name="connsiteX7" fmla="*/ 273381 w 285556"/>
                <a:gd name="connsiteY7" fmla="*/ 67277 h 759834"/>
                <a:gd name="connsiteX8" fmla="*/ 268064 w 285556"/>
                <a:gd name="connsiteY8" fmla="*/ 51328 h 759834"/>
                <a:gd name="connsiteX9" fmla="*/ 225534 w 285556"/>
                <a:gd name="connsiteY9" fmla="*/ 14114 h 759834"/>
                <a:gd name="connsiteX10" fmla="*/ 193636 w 285556"/>
                <a:gd name="connsiteY10" fmla="*/ 3482 h 759834"/>
                <a:gd name="connsiteX11" fmla="*/ 129841 w 285556"/>
                <a:gd name="connsiteY11" fmla="*/ 8798 h 759834"/>
                <a:gd name="connsiteX12" fmla="*/ 113892 w 285556"/>
                <a:gd name="connsiteY12" fmla="*/ 14114 h 759834"/>
                <a:gd name="connsiteX13" fmla="*/ 92627 w 285556"/>
                <a:gd name="connsiteY13" fmla="*/ 19430 h 759834"/>
                <a:gd name="connsiteX14" fmla="*/ 44781 w 285556"/>
                <a:gd name="connsiteY14" fmla="*/ 46012 h 759834"/>
                <a:gd name="connsiteX15" fmla="*/ 28832 w 285556"/>
                <a:gd name="connsiteY15" fmla="*/ 51328 h 7598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285556" h="759834">
                  <a:moveTo>
                    <a:pt x="28832" y="51328"/>
                  </a:moveTo>
                  <a:cubicBezTo>
                    <a:pt x="27060" y="163856"/>
                    <a:pt x="-38486" y="510032"/>
                    <a:pt x="34148" y="721179"/>
                  </a:cubicBezTo>
                  <a:cubicBezTo>
                    <a:pt x="58366" y="791579"/>
                    <a:pt x="191784" y="750977"/>
                    <a:pt x="257432" y="715863"/>
                  </a:cubicBezTo>
                  <a:cubicBezTo>
                    <a:pt x="291845" y="697456"/>
                    <a:pt x="260063" y="637839"/>
                    <a:pt x="262748" y="598905"/>
                  </a:cubicBezTo>
                  <a:cubicBezTo>
                    <a:pt x="263610" y="586404"/>
                    <a:pt x="266443" y="574116"/>
                    <a:pt x="268064" y="561691"/>
                  </a:cubicBezTo>
                  <a:cubicBezTo>
                    <a:pt x="271760" y="533357"/>
                    <a:pt x="278697" y="476630"/>
                    <a:pt x="278697" y="476630"/>
                  </a:cubicBezTo>
                  <a:cubicBezTo>
                    <a:pt x="287953" y="300753"/>
                    <a:pt x="287731" y="350545"/>
                    <a:pt x="278697" y="88542"/>
                  </a:cubicBezTo>
                  <a:cubicBezTo>
                    <a:pt x="278445" y="81240"/>
                    <a:pt x="275388" y="74302"/>
                    <a:pt x="273381" y="67277"/>
                  </a:cubicBezTo>
                  <a:cubicBezTo>
                    <a:pt x="271841" y="61889"/>
                    <a:pt x="270570" y="56340"/>
                    <a:pt x="268064" y="51328"/>
                  </a:cubicBezTo>
                  <a:cubicBezTo>
                    <a:pt x="259380" y="33961"/>
                    <a:pt x="244675" y="20494"/>
                    <a:pt x="225534" y="14114"/>
                  </a:cubicBezTo>
                  <a:lnTo>
                    <a:pt x="193636" y="3482"/>
                  </a:lnTo>
                  <a:cubicBezTo>
                    <a:pt x="172371" y="5254"/>
                    <a:pt x="150993" y="5978"/>
                    <a:pt x="129841" y="8798"/>
                  </a:cubicBezTo>
                  <a:cubicBezTo>
                    <a:pt x="124286" y="9539"/>
                    <a:pt x="119280" y="12575"/>
                    <a:pt x="113892" y="14114"/>
                  </a:cubicBezTo>
                  <a:cubicBezTo>
                    <a:pt x="106867" y="16121"/>
                    <a:pt x="99715" y="17658"/>
                    <a:pt x="92627" y="19430"/>
                  </a:cubicBezTo>
                  <a:cubicBezTo>
                    <a:pt x="68875" y="35265"/>
                    <a:pt x="67235" y="40398"/>
                    <a:pt x="44781" y="46012"/>
                  </a:cubicBezTo>
                  <a:cubicBezTo>
                    <a:pt x="43062" y="46442"/>
                    <a:pt x="30604" y="-61200"/>
                    <a:pt x="28832" y="51328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40" name="Picture 39" descr="Figure">
            <a:extLst>
              <a:ext uri="{FF2B5EF4-FFF2-40B4-BE49-F238E27FC236}">
                <a16:creationId xmlns:a16="http://schemas.microsoft.com/office/drawing/2014/main" id="{23BE9EBC-B8BB-BC45-8CC1-9A6EF4D85F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1" t="42935" r="96259" b="51818"/>
          <a:stretch/>
        </p:blipFill>
        <p:spPr bwMode="auto">
          <a:xfrm>
            <a:off x="3857554" y="4078305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0" descr="Figure">
            <a:extLst>
              <a:ext uri="{FF2B5EF4-FFF2-40B4-BE49-F238E27FC236}">
                <a16:creationId xmlns:a16="http://schemas.microsoft.com/office/drawing/2014/main" id="{BB8B4D29-02AC-9B43-90EF-A97D3448E9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8" t="29564" r="96262" b="65189"/>
          <a:stretch/>
        </p:blipFill>
        <p:spPr bwMode="auto">
          <a:xfrm>
            <a:off x="3856919" y="3625214"/>
            <a:ext cx="202495" cy="175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ADA86A98-59C1-2343-94D6-5A99103A1849}"/>
              </a:ext>
            </a:extLst>
          </p:cNvPr>
          <p:cNvGrpSpPr/>
          <p:nvPr/>
        </p:nvGrpSpPr>
        <p:grpSpPr>
          <a:xfrm>
            <a:off x="7011746" y="1945608"/>
            <a:ext cx="895746" cy="1246707"/>
            <a:chOff x="7147593" y="2070918"/>
            <a:chExt cx="895746" cy="1246707"/>
          </a:xfrm>
        </p:grpSpPr>
        <p:pic>
          <p:nvPicPr>
            <p:cNvPr id="42" name="Picture 41" descr="Figure">
              <a:extLst>
                <a:ext uri="{FF2B5EF4-FFF2-40B4-BE49-F238E27FC236}">
                  <a16:creationId xmlns:a16="http://schemas.microsoft.com/office/drawing/2014/main" id="{02726145-CA59-1049-AE1F-495F5338AE6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56602" r="32022" b="30511"/>
            <a:stretch/>
          </p:blipFill>
          <p:spPr bwMode="auto">
            <a:xfrm>
              <a:off x="7237763" y="2070918"/>
              <a:ext cx="792089" cy="4320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3" name="Picture 42" descr="Figure">
              <a:extLst>
                <a:ext uri="{FF2B5EF4-FFF2-40B4-BE49-F238E27FC236}">
                  <a16:creationId xmlns:a16="http://schemas.microsoft.com/office/drawing/2014/main" id="{4A85B3D7-269E-A641-8C2C-ADEE162CAC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75033" r="32022" b="4619"/>
            <a:stretch/>
          </p:blipFill>
          <p:spPr bwMode="auto">
            <a:xfrm rot="10800000">
              <a:off x="7147593" y="2453441"/>
              <a:ext cx="792089" cy="6821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43" descr="Figure">
              <a:extLst>
                <a:ext uri="{FF2B5EF4-FFF2-40B4-BE49-F238E27FC236}">
                  <a16:creationId xmlns:a16="http://schemas.microsoft.com/office/drawing/2014/main" id="{C6F06201-181E-5E40-8656-BCB34299EF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783" t="69489" r="32022" b="25082"/>
            <a:stretch/>
          </p:blipFill>
          <p:spPr bwMode="auto">
            <a:xfrm>
              <a:off x="7251250" y="3135611"/>
              <a:ext cx="792089" cy="18201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E53EE26-CE9B-974D-B16F-2F3F0F34115C}"/>
              </a:ext>
            </a:extLst>
          </p:cNvPr>
          <p:cNvGrpSpPr/>
          <p:nvPr/>
        </p:nvGrpSpPr>
        <p:grpSpPr>
          <a:xfrm>
            <a:off x="10500074" y="1916832"/>
            <a:ext cx="882259" cy="1282834"/>
            <a:chOff x="10635921" y="2042142"/>
            <a:chExt cx="882259" cy="1282834"/>
          </a:xfrm>
        </p:grpSpPr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45F2FC48-F870-644F-B2FD-69D6EBDD4CB9}"/>
                </a:ext>
              </a:extLst>
            </p:cNvPr>
            <p:cNvGrpSpPr/>
            <p:nvPr/>
          </p:nvGrpSpPr>
          <p:grpSpPr>
            <a:xfrm>
              <a:off x="10635921" y="2070918"/>
              <a:ext cx="882259" cy="1254058"/>
              <a:chOff x="7147593" y="2070918"/>
              <a:chExt cx="882259" cy="1254058"/>
            </a:xfrm>
          </p:grpSpPr>
          <p:pic>
            <p:nvPicPr>
              <p:cNvPr id="47" name="Picture 46" descr="Figure">
                <a:extLst>
                  <a:ext uri="{FF2B5EF4-FFF2-40B4-BE49-F238E27FC236}">
                    <a16:creationId xmlns:a16="http://schemas.microsoft.com/office/drawing/2014/main" id="{231B4EB6-37D2-3242-B76C-49283A4BB5B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396" t="56351" r="-591" b="30762"/>
              <a:stretch/>
            </p:blipFill>
            <p:spPr bwMode="auto">
              <a:xfrm>
                <a:off x="7237763" y="2070918"/>
                <a:ext cx="792089" cy="43204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8" name="Picture 47" descr="Figure">
                <a:extLst>
                  <a:ext uri="{FF2B5EF4-FFF2-40B4-BE49-F238E27FC236}">
                    <a16:creationId xmlns:a16="http://schemas.microsoft.com/office/drawing/2014/main" id="{0C8CCA2E-373B-004B-BF95-992F4A463DC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769" t="74859" r="-964" b="4793"/>
              <a:stretch/>
            </p:blipFill>
            <p:spPr bwMode="auto">
              <a:xfrm rot="10800000">
                <a:off x="7147593" y="2453441"/>
                <a:ext cx="792089" cy="6821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8" descr="Figure">
                <a:extLst>
                  <a:ext uri="{FF2B5EF4-FFF2-40B4-BE49-F238E27FC236}">
                    <a16:creationId xmlns:a16="http://schemas.microsoft.com/office/drawing/2014/main" id="{F74175A4-60B2-1046-B91F-8D864A6F84B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1573" t="69693" r="-768" b="24878"/>
              <a:stretch/>
            </p:blipFill>
            <p:spPr bwMode="auto">
              <a:xfrm>
                <a:off x="7223897" y="3142962"/>
                <a:ext cx="792089" cy="18201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5B4D1CC0-7772-E948-8815-637A21E46523}"/>
                </a:ext>
              </a:extLst>
            </p:cNvPr>
            <p:cNvSpPr/>
            <p:nvPr/>
          </p:nvSpPr>
          <p:spPr bwMode="auto">
            <a:xfrm>
              <a:off x="10677933" y="2042142"/>
              <a:ext cx="83989" cy="234205"/>
            </a:xfrm>
            <a:custGeom>
              <a:avLst/>
              <a:gdLst>
                <a:gd name="connsiteX0" fmla="*/ 4721 w 83989"/>
                <a:gd name="connsiteY0" fmla="*/ 230670 h 234205"/>
                <a:gd name="connsiteX1" fmla="*/ 17909 w 83989"/>
                <a:gd name="connsiteY1" fmla="*/ 208689 h 234205"/>
                <a:gd name="connsiteX2" fmla="*/ 39890 w 83989"/>
                <a:gd name="connsiteY2" fmla="*/ 177916 h 234205"/>
                <a:gd name="connsiteX3" fmla="*/ 57475 w 83989"/>
                <a:gd name="connsiteY3" fmla="*/ 133954 h 234205"/>
                <a:gd name="connsiteX4" fmla="*/ 57475 w 83989"/>
                <a:gd name="connsiteY4" fmla="*/ 133954 h 234205"/>
                <a:gd name="connsiteX5" fmla="*/ 66267 w 83989"/>
                <a:gd name="connsiteY5" fmla="*/ 120766 h 234205"/>
                <a:gd name="connsiteX6" fmla="*/ 75059 w 83989"/>
                <a:gd name="connsiteY6" fmla="*/ 94389 h 234205"/>
                <a:gd name="connsiteX7" fmla="*/ 83852 w 83989"/>
                <a:gd name="connsiteY7" fmla="*/ 37239 h 234205"/>
                <a:gd name="connsiteX8" fmla="*/ 79455 w 83989"/>
                <a:gd name="connsiteY8" fmla="*/ 2070 h 234205"/>
                <a:gd name="connsiteX9" fmla="*/ 44286 w 83989"/>
                <a:gd name="connsiteY9" fmla="*/ 15258 h 234205"/>
                <a:gd name="connsiteX10" fmla="*/ 35494 w 83989"/>
                <a:gd name="connsiteY10" fmla="*/ 28446 h 234205"/>
                <a:gd name="connsiteX11" fmla="*/ 22305 w 83989"/>
                <a:gd name="connsiteY11" fmla="*/ 54823 h 234205"/>
                <a:gd name="connsiteX12" fmla="*/ 13513 w 83989"/>
                <a:gd name="connsiteY12" fmla="*/ 85596 h 234205"/>
                <a:gd name="connsiteX13" fmla="*/ 9117 w 83989"/>
                <a:gd name="connsiteY13" fmla="*/ 98785 h 234205"/>
                <a:gd name="connsiteX14" fmla="*/ 4721 w 83989"/>
                <a:gd name="connsiteY14" fmla="*/ 116370 h 234205"/>
                <a:gd name="connsiteX15" fmla="*/ 325 w 83989"/>
                <a:gd name="connsiteY15" fmla="*/ 129558 h 234205"/>
                <a:gd name="connsiteX16" fmla="*/ 4721 w 83989"/>
                <a:gd name="connsiteY16" fmla="*/ 230670 h 2342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989" h="234205">
                  <a:moveTo>
                    <a:pt x="4721" y="230670"/>
                  </a:moveTo>
                  <a:cubicBezTo>
                    <a:pt x="7652" y="243858"/>
                    <a:pt x="14373" y="216468"/>
                    <a:pt x="17909" y="208689"/>
                  </a:cubicBezTo>
                  <a:cubicBezTo>
                    <a:pt x="32563" y="176451"/>
                    <a:pt x="15712" y="185975"/>
                    <a:pt x="39890" y="177916"/>
                  </a:cubicBezTo>
                  <a:cubicBezTo>
                    <a:pt x="57226" y="160578"/>
                    <a:pt x="47677" y="173144"/>
                    <a:pt x="57475" y="133954"/>
                  </a:cubicBezTo>
                  <a:lnTo>
                    <a:pt x="57475" y="133954"/>
                  </a:lnTo>
                  <a:lnTo>
                    <a:pt x="66267" y="120766"/>
                  </a:lnTo>
                  <a:cubicBezTo>
                    <a:pt x="69198" y="111974"/>
                    <a:pt x="73748" y="103564"/>
                    <a:pt x="75059" y="94389"/>
                  </a:cubicBezTo>
                  <a:cubicBezTo>
                    <a:pt x="80716" y="54792"/>
                    <a:pt x="77751" y="73837"/>
                    <a:pt x="83852" y="37239"/>
                  </a:cubicBezTo>
                  <a:cubicBezTo>
                    <a:pt x="82386" y="25516"/>
                    <a:pt x="87144" y="11040"/>
                    <a:pt x="79455" y="2070"/>
                  </a:cubicBezTo>
                  <a:cubicBezTo>
                    <a:pt x="72542" y="-5995"/>
                    <a:pt x="49374" y="11866"/>
                    <a:pt x="44286" y="15258"/>
                  </a:cubicBezTo>
                  <a:cubicBezTo>
                    <a:pt x="41355" y="19654"/>
                    <a:pt x="37575" y="23590"/>
                    <a:pt x="35494" y="28446"/>
                  </a:cubicBezTo>
                  <a:cubicBezTo>
                    <a:pt x="23342" y="56802"/>
                    <a:pt x="40002" y="37128"/>
                    <a:pt x="22305" y="54823"/>
                  </a:cubicBezTo>
                  <a:cubicBezTo>
                    <a:pt x="11765" y="86446"/>
                    <a:pt x="24553" y="46955"/>
                    <a:pt x="13513" y="85596"/>
                  </a:cubicBezTo>
                  <a:cubicBezTo>
                    <a:pt x="12240" y="90052"/>
                    <a:pt x="10390" y="94329"/>
                    <a:pt x="9117" y="98785"/>
                  </a:cubicBezTo>
                  <a:cubicBezTo>
                    <a:pt x="7457" y="104595"/>
                    <a:pt x="6381" y="110560"/>
                    <a:pt x="4721" y="116370"/>
                  </a:cubicBezTo>
                  <a:cubicBezTo>
                    <a:pt x="3448" y="120826"/>
                    <a:pt x="510" y="124928"/>
                    <a:pt x="325" y="129558"/>
                  </a:cubicBezTo>
                  <a:cubicBezTo>
                    <a:pt x="-963" y="161771"/>
                    <a:pt x="1790" y="217482"/>
                    <a:pt x="4721" y="230670"/>
                  </a:cubicBezTo>
                  <a:close/>
                </a:path>
              </a:pathLst>
            </a:cu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349678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45C9B-3F15-6BC3-9CEE-C7DC95C1D0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862D01-75A9-6344-870B-5CFFF2D93EAD}" type="datetime1">
              <a:rPr lang="en-GB" smtClean="0"/>
              <a:t>27/04/2022</a:t>
            </a:fld>
            <a:r>
              <a:rPr lang="en-GB"/>
              <a:t>29/03/2022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4A9583A-FCDD-8A1C-B42A-A597BF9D92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444668"/>
            <a:ext cx="6336704" cy="550461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D5481BF-DF77-3B58-6072-C2124723904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0596" y="404664"/>
            <a:ext cx="3810885" cy="5504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421420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E45C9B-3F15-6BC3-9CEE-C7DC95C1D0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862D01-75A9-6344-870B-5CFFF2D93EAD}" type="datetime1">
              <a:rPr lang="en-GB" smtClean="0"/>
              <a:t>27/04/2022</a:t>
            </a:fld>
            <a:r>
              <a:rPr lang="en-GB"/>
              <a:t>29/03/2022</a:t>
            </a:r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6F6D8653-35E6-8569-4E29-5885C70AD0F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404664"/>
            <a:ext cx="7149845" cy="5504612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21ADF9B-8387-453D-9FA7-F99EB476D9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0596" y="404664"/>
            <a:ext cx="3810885" cy="55046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538234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26E08E2-43D2-224E-B119-BB62F58A27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CF94F9-0BF9-584D-ACDC-53CF4C776A6F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B17054A9-AEEE-884E-BCA3-97C0E36F615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D3F87B3-D8F3-134D-A672-321C8198C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C5A6D761-518F-C54C-8A8D-8A6354E0D7D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635904E1-8F3E-954B-9A5C-0346B61769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7B9BD424-E251-9A41-BC72-992B3C3FF81A}"/>
              </a:ext>
            </a:extLst>
          </p:cNvPr>
          <p:cNvSpPr txBox="1"/>
          <p:nvPr/>
        </p:nvSpPr>
        <p:spPr>
          <a:xfrm>
            <a:off x="995750" y="1412776"/>
            <a:ext cx="4387676" cy="63094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9616769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C25F5F2E-5629-874A-84F1-B1ED81069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4B58460-D08C-4E4A-8FE5-A958F10ADD12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DBD2A92-A2DC-FF43-8CB2-04EA42C955C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1C71B27A-0162-CF47-BAF2-1D0E43481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660A3022-407A-424A-89C8-45C62F3A2B0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B350BFA-B636-6243-9707-53D7FF4E2C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180767C1-449F-FE43-B949-96F4FA63AE4F}"/>
              </a:ext>
            </a:extLst>
          </p:cNvPr>
          <p:cNvSpPr txBox="1"/>
          <p:nvPr/>
        </p:nvSpPr>
        <p:spPr>
          <a:xfrm>
            <a:off x="995750" y="1412776"/>
            <a:ext cx="4483600" cy="240065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693021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EE78CC-AFFA-CB42-983F-584E38DA6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cap="none" dirty="0"/>
              <a:t>Discuss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F6B4CEF-0AD5-3147-9ECE-4AA5DE7F00A7}"/>
              </a:ext>
            </a:extLst>
          </p:cNvPr>
          <p:cNvSpPr txBox="1"/>
          <p:nvPr/>
        </p:nvSpPr>
        <p:spPr>
          <a:xfrm>
            <a:off x="995750" y="1412776"/>
            <a:ext cx="4988545" cy="417037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Current stat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ransition probability matrix calculated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work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Optimize transition probability matrix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Emission probabilities.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Chose and code optimization procedure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alyze simulated data</a:t>
            </a:r>
          </a:p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DK" sz="1800" dirty="0">
                <a:latin typeface="+mn-lt"/>
              </a:rPr>
              <a:t>Future perspective: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flex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Different parameterization per interval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MC is extensible:</a:t>
            </a:r>
          </a:p>
          <a:p>
            <a:pPr marL="895243" lvl="1" indent="-28575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ILS and introgress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BEB0267-AC2C-B94C-A3A3-9FC6A8766013}"/>
              </a:ext>
            </a:extLst>
          </p:cNvPr>
          <p:cNvGrpSpPr/>
          <p:nvPr/>
        </p:nvGrpSpPr>
        <p:grpSpPr>
          <a:xfrm>
            <a:off x="6858117" y="610482"/>
            <a:ext cx="5013796" cy="5688632"/>
            <a:chOff x="6126680" y="332656"/>
            <a:chExt cx="5440340" cy="6172587"/>
          </a:xfrm>
        </p:grpSpPr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7A6DDD06-5F41-F94C-A23F-EE0A0CACD45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6139227" y="332656"/>
              <a:ext cx="3544017" cy="3544017"/>
            </a:xfrm>
            <a:prstGeom prst="rect">
              <a:avLst/>
            </a:prstGeom>
          </p:spPr>
        </p:pic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DF6DD067-B6DE-314E-A612-7FB34DC9928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023003" y="332656"/>
              <a:ext cx="3544017" cy="3544017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9908E038-4AA5-E94B-9468-050DB70062E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6126680" y="2961226"/>
              <a:ext cx="3544017" cy="3544017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F6DA692A-942C-814E-9861-D99EAB3BBA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023003" y="2961226"/>
              <a:ext cx="3544017" cy="3544017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5387107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3">
            <a:extLst>
              <a:ext uri="{FF2B5EF4-FFF2-40B4-BE49-F238E27FC236}">
                <a16:creationId xmlns:a16="http://schemas.microsoft.com/office/drawing/2014/main" id="{E4C72965-4ECF-7C4A-84CA-AEBC46181432}"/>
              </a:ext>
            </a:extLst>
          </p:cNvPr>
          <p:cNvSpPr txBox="1">
            <a:spLocks/>
          </p:cNvSpPr>
          <p:nvPr/>
        </p:nvSpPr>
        <p:spPr bwMode="auto">
          <a:xfrm>
            <a:off x="0" y="300054"/>
            <a:ext cx="1218882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References</a:t>
            </a:r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2EC3FC5D-F392-FE45-BC38-1B070036E044}"/>
              </a:ext>
            </a:extLst>
          </p:cNvPr>
          <p:cNvSpPr txBox="1">
            <a:spLocks/>
          </p:cNvSpPr>
          <p:nvPr/>
        </p:nvSpPr>
        <p:spPr bwMode="auto">
          <a:xfrm>
            <a:off x="2723169" y="3212976"/>
            <a:ext cx="6742485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0" cap="none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/>
              <a:t>Contact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FCE0367-9982-A84C-8CEE-6AC70D5E1CDC}"/>
              </a:ext>
            </a:extLst>
          </p:cNvPr>
          <p:cNvSpPr/>
          <p:nvPr/>
        </p:nvSpPr>
        <p:spPr>
          <a:xfrm>
            <a:off x="333772" y="1027182"/>
            <a:ext cx="11665297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 err="1">
                <a:solidFill>
                  <a:srgbClr val="222222"/>
                </a:solidFill>
                <a:latin typeface="+mn-lt"/>
              </a:rPr>
              <a:t>Dutheil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J. Y., Ganapathy, G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Hobolth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A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Mailund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T.,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Uyenoyama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M. K., &amp; </a:t>
            </a:r>
            <a:r>
              <a:rPr lang="en-GB" sz="1600" dirty="0" err="1">
                <a:solidFill>
                  <a:srgbClr val="222222"/>
                </a:solidFill>
                <a:latin typeface="+mn-lt"/>
              </a:rPr>
              <a:t>Schierup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 M. H. (2009). Ancestral population genomics: the coalescent hidden Markov model approach. </a:t>
            </a:r>
            <a:r>
              <a:rPr lang="en-GB" sz="1600" i="1" dirty="0">
                <a:solidFill>
                  <a:srgbClr val="222222"/>
                </a:solidFill>
                <a:latin typeface="+mn-lt"/>
              </a:rPr>
              <a:t>Genetics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, </a:t>
            </a:r>
            <a:r>
              <a:rPr lang="en-GB" sz="1600" i="1" dirty="0">
                <a:solidFill>
                  <a:srgbClr val="222222"/>
                </a:solidFill>
                <a:latin typeface="+mn-lt"/>
              </a:rPr>
              <a:t>183</a:t>
            </a:r>
            <a:r>
              <a:rPr lang="en-GB" sz="1600" dirty="0">
                <a:solidFill>
                  <a:srgbClr val="222222"/>
                </a:solidFill>
                <a:latin typeface="+mn-lt"/>
              </a:rPr>
              <a:t>(1), 259-274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 err="1">
                <a:latin typeface="+mn-lt"/>
              </a:rPr>
              <a:t>Mailund</a:t>
            </a:r>
            <a:r>
              <a:rPr lang="en-GB" sz="1600" dirty="0">
                <a:latin typeface="+mn-lt"/>
              </a:rPr>
              <a:t>, T., </a:t>
            </a:r>
            <a:r>
              <a:rPr lang="en-GB" sz="1600" dirty="0" err="1">
                <a:latin typeface="+mn-lt"/>
              </a:rPr>
              <a:t>Dutheil</a:t>
            </a:r>
            <a:r>
              <a:rPr lang="en-GB" sz="1600" dirty="0">
                <a:latin typeface="+mn-lt"/>
              </a:rPr>
              <a:t>, J. Y., </a:t>
            </a:r>
            <a:r>
              <a:rPr lang="en-GB" sz="1600" dirty="0" err="1">
                <a:latin typeface="+mn-lt"/>
              </a:rPr>
              <a:t>Hobolth</a:t>
            </a:r>
            <a:r>
              <a:rPr lang="en-GB" sz="1600" dirty="0">
                <a:latin typeface="+mn-lt"/>
              </a:rPr>
              <a:t>, A., </a:t>
            </a:r>
            <a:r>
              <a:rPr lang="en-GB" sz="1600" dirty="0" err="1">
                <a:latin typeface="+mn-lt"/>
              </a:rPr>
              <a:t>Lunter</a:t>
            </a:r>
            <a:r>
              <a:rPr lang="en-GB" sz="1600" dirty="0">
                <a:latin typeface="+mn-lt"/>
              </a:rPr>
              <a:t>, G., &amp; </a:t>
            </a:r>
            <a:r>
              <a:rPr lang="en-GB" sz="1600" dirty="0" err="1">
                <a:latin typeface="+mn-lt"/>
              </a:rPr>
              <a:t>Schierup</a:t>
            </a:r>
            <a:r>
              <a:rPr lang="en-GB" sz="1600" dirty="0">
                <a:latin typeface="+mn-lt"/>
              </a:rPr>
              <a:t>, M. H. (2011). Estimating divergence time and ancestral effective population size of Bornean and Sumatran orangutan subspecies using a coalescent hidden Markov model. </a:t>
            </a:r>
            <a:r>
              <a:rPr lang="en-GB" sz="1600" i="1" dirty="0" err="1">
                <a:latin typeface="+mn-lt"/>
              </a:rPr>
              <a:t>PLoS</a:t>
            </a:r>
            <a:r>
              <a:rPr lang="en-GB" sz="1600" i="1" dirty="0">
                <a:latin typeface="+mn-lt"/>
              </a:rPr>
              <a:t> genetics</a:t>
            </a:r>
            <a:r>
              <a:rPr lang="en-GB" sz="1600" dirty="0">
                <a:latin typeface="+mn-lt"/>
              </a:rPr>
              <a:t>, </a:t>
            </a:r>
            <a:r>
              <a:rPr lang="en-GB" sz="1600" i="1" dirty="0">
                <a:latin typeface="+mn-lt"/>
              </a:rPr>
              <a:t>7</a:t>
            </a:r>
            <a:r>
              <a:rPr lang="en-GB" sz="1600" dirty="0">
                <a:latin typeface="+mn-lt"/>
              </a:rPr>
              <a:t>(3), e1001319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GB" sz="1600" dirty="0">
                <a:latin typeface="+mn-lt"/>
              </a:rPr>
              <a:t>Li, H., &amp; Durbin, R. (2011). Inference of human population history from individual whole-genome sequences. </a:t>
            </a:r>
            <a:r>
              <a:rPr lang="en-GB" sz="1600" i="1" dirty="0">
                <a:latin typeface="+mn-lt"/>
              </a:rPr>
              <a:t>Nature</a:t>
            </a:r>
            <a:r>
              <a:rPr lang="en-GB" sz="1600" dirty="0">
                <a:latin typeface="+mn-lt"/>
              </a:rPr>
              <a:t>, </a:t>
            </a:r>
            <a:r>
              <a:rPr lang="en-GB" sz="1600" i="1" dirty="0">
                <a:latin typeface="+mn-lt"/>
              </a:rPr>
              <a:t>475</a:t>
            </a:r>
            <a:r>
              <a:rPr lang="en-GB" sz="1600" dirty="0">
                <a:latin typeface="+mn-lt"/>
              </a:rPr>
              <a:t>(7357), 493-496.</a:t>
            </a:r>
            <a:endParaRPr lang="en-DK" sz="1600" dirty="0">
              <a:latin typeface="+mn-lt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EFF0D7-C440-F940-B932-AD2D6552DF5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3457" t="20192" r="15892" b="14185"/>
          <a:stretch/>
        </p:blipFill>
        <p:spPr>
          <a:xfrm>
            <a:off x="3349666" y="3988259"/>
            <a:ext cx="1444788" cy="178878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5F519C2D-F583-A04E-A968-F3F4F53F87D1}"/>
              </a:ext>
            </a:extLst>
          </p:cNvPr>
          <p:cNvGrpSpPr/>
          <p:nvPr/>
        </p:nvGrpSpPr>
        <p:grpSpPr>
          <a:xfrm>
            <a:off x="5099433" y="4140974"/>
            <a:ext cx="4032448" cy="1483355"/>
            <a:chOff x="8172919" y="4181694"/>
            <a:chExt cx="4032448" cy="1483355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5AFB8BB0-E6FF-A045-BA6B-F265F8FD1FE7}"/>
                </a:ext>
              </a:extLst>
            </p:cNvPr>
            <p:cNvSpPr/>
            <p:nvPr/>
          </p:nvSpPr>
          <p:spPr>
            <a:xfrm>
              <a:off x="8172919" y="4181694"/>
              <a:ext cx="4032448" cy="148335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Iker Rivas-González – PhD Student</a:t>
              </a:r>
            </a:p>
            <a:p>
              <a:pPr>
                <a:lnSpc>
                  <a:spcPct val="10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Bioinformatics Research Centre (</a:t>
              </a:r>
              <a:r>
                <a:rPr lang="en-GB" sz="1600" dirty="0" err="1">
                  <a:latin typeface="+mn-lt"/>
                </a:rPr>
                <a:t>BiRC</a:t>
              </a:r>
              <a:r>
                <a:rPr lang="en-GB" sz="1600" dirty="0">
                  <a:latin typeface="+mn-lt"/>
                </a:rPr>
                <a:t>)   </a:t>
              </a:r>
            </a:p>
            <a:p>
              <a:pPr>
                <a:lnSpc>
                  <a:spcPct val="100000"/>
                </a:lnSpc>
                <a:spcBef>
                  <a:spcPts val="0"/>
                </a:spcBef>
              </a:pPr>
              <a:r>
                <a:rPr lang="en-GB" sz="1600" dirty="0">
                  <a:latin typeface="+mn-lt"/>
                </a:rPr>
                <a:t>Aarhus University</a:t>
              </a:r>
            </a:p>
            <a:p>
              <a:pPr>
                <a:lnSpc>
                  <a:spcPct val="150000"/>
                </a:lnSpc>
                <a:spcBef>
                  <a:spcPts val="800"/>
                </a:spcBef>
              </a:pPr>
              <a:r>
                <a:rPr lang="en-GB" sz="1600" dirty="0">
                  <a:latin typeface="+mn-lt"/>
                </a:rPr>
                <a:t>     </a:t>
              </a:r>
              <a:r>
                <a:rPr lang="en-GB" sz="1600" dirty="0" err="1">
                  <a:latin typeface="+mn-lt"/>
                </a:rPr>
                <a:t>irg@birc.au.dk</a:t>
              </a:r>
              <a:r>
                <a:rPr lang="en-GB" sz="1600" dirty="0">
                  <a:latin typeface="+mn-lt"/>
                </a:rPr>
                <a:t>          @</a:t>
              </a:r>
              <a:r>
                <a:rPr lang="en-GB" sz="1600" dirty="0" err="1">
                  <a:latin typeface="+mn-lt"/>
                </a:rPr>
                <a:t>irg_bio</a:t>
              </a:r>
              <a:endParaRPr lang="en-GB" sz="1600" dirty="0">
                <a:latin typeface="+mn-lt"/>
              </a:endParaRPr>
            </a:p>
          </p:txBody>
        </p:sp>
        <p:pic>
          <p:nvPicPr>
            <p:cNvPr id="4" name="Picture 4">
              <a:extLst>
                <a:ext uri="{FF2B5EF4-FFF2-40B4-BE49-F238E27FC236}">
                  <a16:creationId xmlns:a16="http://schemas.microsoft.com/office/drawing/2014/main" id="{93752C27-E7EA-1C4A-9D3B-36919FE2283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246578" y="5402714"/>
              <a:ext cx="230597" cy="18953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Mail Logo Stock-vektor (royaltyfri) 468389300">
              <a:extLst>
                <a:ext uri="{FF2B5EF4-FFF2-40B4-BE49-F238E27FC236}">
                  <a16:creationId xmlns:a16="http://schemas.microsoft.com/office/drawing/2014/main" id="{B0B20B2A-9F8B-104A-912A-C6C0D1E967D2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7476"/>
            <a:stretch/>
          </p:blipFill>
          <p:spPr bwMode="auto">
            <a:xfrm>
              <a:off x="8231794" y="5368938"/>
              <a:ext cx="299399" cy="24088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3367838058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pic>
        <p:nvPicPr>
          <p:cNvPr id="17" name="Picture 16" descr="Figure 1">
            <a:extLst>
              <a:ext uri="{FF2B5EF4-FFF2-40B4-BE49-F238E27FC236}">
                <a16:creationId xmlns:a16="http://schemas.microsoft.com/office/drawing/2014/main" id="{6BEF2007-F7AA-0F43-BCD4-965E24D8D6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320326"/>
            <a:ext cx="4710740" cy="43924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4F5AE9B-BEF7-0443-98D1-37AF1FE2B829}"/>
              </a:ext>
            </a:extLst>
          </p:cNvPr>
          <p:cNvSpPr txBox="1"/>
          <p:nvPr/>
        </p:nvSpPr>
        <p:spPr>
          <a:xfrm>
            <a:off x="3703511" y="5760821"/>
            <a:ext cx="184505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i and Durbin (2011)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2992E832-CE0A-FA42-8987-67FC4D5D54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D1A50CB-414F-D74D-B31A-2C31FB92B7CA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3297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6414ADD5-4660-444E-8D2A-8D6A9A3C15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HMM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DD7061A1-B105-B64E-BD6E-B6AD75ACCFDE}"/>
              </a:ext>
            </a:extLst>
          </p:cNvPr>
          <p:cNvGrpSpPr/>
          <p:nvPr/>
        </p:nvGrpSpPr>
        <p:grpSpPr>
          <a:xfrm>
            <a:off x="1701924" y="1406640"/>
            <a:ext cx="4752528" cy="4778504"/>
            <a:chOff x="429683" y="2614321"/>
            <a:chExt cx="2836391" cy="3261937"/>
          </a:xfrm>
        </p:grpSpPr>
        <p:pic>
          <p:nvPicPr>
            <p:cNvPr id="3" name="Graphic 2">
              <a:extLst>
                <a:ext uri="{FF2B5EF4-FFF2-40B4-BE49-F238E27FC236}">
                  <a16:creationId xmlns:a16="http://schemas.microsoft.com/office/drawing/2014/main" id="{5DE69D4A-166D-FA48-8A2A-020B75E0F5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29683" y="2614321"/>
              <a:ext cx="1739338" cy="1739338"/>
            </a:xfrm>
            <a:prstGeom prst="rect">
              <a:avLst/>
            </a:prstGeom>
          </p:spPr>
        </p:pic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C0C4E7DD-42E6-704C-B32D-7C1C2AA8B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525839" y="2616713"/>
              <a:ext cx="1739338" cy="1739338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CE47C2B6-6075-044A-9D28-4776D839F19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0580" y="4117727"/>
              <a:ext cx="1739338" cy="1739338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97B241DF-C580-974D-84A6-8468F5745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526736" y="4136920"/>
              <a:ext cx="1739338" cy="1739338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D26E9A17-4BDE-CE41-8559-36A4A0E0A362}"/>
                </a:ext>
              </a:extLst>
            </p:cNvPr>
            <p:cNvSpPr txBox="1"/>
            <p:nvPr/>
          </p:nvSpPr>
          <p:spPr>
            <a:xfrm>
              <a:off x="1028393" y="2665743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0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EBD01B7-8185-A349-ACA8-4D988FA1E299}"/>
                </a:ext>
              </a:extLst>
            </p:cNvPr>
            <p:cNvSpPr txBox="1"/>
            <p:nvPr/>
          </p:nvSpPr>
          <p:spPr>
            <a:xfrm>
              <a:off x="2124549" y="2669264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1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E6F2832-C345-CF46-A3D7-B6D4604A902B}"/>
                </a:ext>
              </a:extLst>
            </p:cNvPr>
            <p:cNvSpPr txBox="1"/>
            <p:nvPr/>
          </p:nvSpPr>
          <p:spPr>
            <a:xfrm>
              <a:off x="1028393" y="4167030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2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84436D1B-765A-144D-9752-966F70090890}"/>
                </a:ext>
              </a:extLst>
            </p:cNvPr>
            <p:cNvSpPr txBox="1"/>
            <p:nvPr/>
          </p:nvSpPr>
          <p:spPr>
            <a:xfrm>
              <a:off x="2124548" y="4189289"/>
              <a:ext cx="461203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V3</a:t>
              </a:r>
            </a:p>
          </p:txBody>
        </p:sp>
      </p:grpSp>
      <p:pic>
        <p:nvPicPr>
          <p:cNvPr id="14" name="Graphic 13">
            <a:extLst>
              <a:ext uri="{FF2B5EF4-FFF2-40B4-BE49-F238E27FC236}">
                <a16:creationId xmlns:a16="http://schemas.microsoft.com/office/drawing/2014/main" id="{C0E7D395-5ED3-4348-B746-A6F95704E90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6603920" y="1474917"/>
            <a:ext cx="3096344" cy="4324441"/>
          </a:xfrm>
          <a:prstGeom prst="rect">
            <a:avLst/>
          </a:prstGeom>
        </p:spPr>
      </p:pic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1662B16-4151-C84F-AE3B-6C50EBDCE9E9}"/>
              </a:ext>
            </a:extLst>
          </p:cNvPr>
          <p:cNvCxnSpPr>
            <a:cxnSpLocks/>
          </p:cNvCxnSpPr>
          <p:nvPr/>
        </p:nvCxnSpPr>
        <p:spPr bwMode="auto">
          <a:xfrm>
            <a:off x="6097869" y="1124744"/>
            <a:ext cx="0" cy="4818400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lgDash"/>
            <a:round/>
            <a:headEnd type="none" w="med" len="med"/>
            <a:tailEnd type="none" w="med" len="med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5CC71572-7DA3-4B41-8FED-DD28609440DD}"/>
              </a:ext>
            </a:extLst>
          </p:cNvPr>
          <p:cNvSpPr txBox="1"/>
          <p:nvPr/>
        </p:nvSpPr>
        <p:spPr>
          <a:xfrm>
            <a:off x="554871" y="3438167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CoalHMM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F2DB6A9-E62D-DC41-9212-CAAB1292C89E}"/>
              </a:ext>
            </a:extLst>
          </p:cNvPr>
          <p:cNvSpPr txBox="1"/>
          <p:nvPr/>
        </p:nvSpPr>
        <p:spPr>
          <a:xfrm>
            <a:off x="10402065" y="3366418"/>
            <a:ext cx="1231889" cy="4861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DK" sz="2400" dirty="0">
                <a:latin typeface="+mn-lt"/>
              </a:rPr>
              <a:t>SMC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7006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608D373-56D3-D145-A072-EF681BD79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ILSMC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7586CA4-314E-FA44-A8CA-D8AC26F1C07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58108" y="980728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E5CFEFE-9F9B-F246-86AC-3B6C4192D90B}"/>
              </a:ext>
            </a:extLst>
          </p:cNvPr>
          <p:cNvSpPr txBox="1"/>
          <p:nvPr/>
        </p:nvSpPr>
        <p:spPr>
          <a:xfrm>
            <a:off x="1125860" y="3068960"/>
            <a:ext cx="2393125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Extract the ILS information CoalHMM-styl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255321F-CE4B-6E44-82DC-53CBE428159A}"/>
              </a:ext>
            </a:extLst>
          </p:cNvPr>
          <p:cNvSpPr txBox="1"/>
          <p:nvPr/>
        </p:nvSpPr>
        <p:spPr>
          <a:xfrm>
            <a:off x="8110636" y="3068960"/>
            <a:ext cx="3240360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DK" sz="2800" dirty="0">
                <a:latin typeface="+mn-lt"/>
              </a:rPr>
              <a:t>Parameterize with discretized time intervals SMC-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5684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FC282287-E416-8843-A4D1-9962B391FC9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53852" y="1397151"/>
            <a:ext cx="3544017" cy="3544017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blipFill>
                <a:blip r:embed="rId6"/>
                <a:stretch>
                  <a:fillRect l="-8333" t="-333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7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30909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D0EB5AF9-DF39-B44A-9DF7-A0A3CD494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hidden states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A9D173E-25E0-F241-937E-7679C8A276B5}"/>
              </a:ext>
            </a:extLst>
          </p:cNvPr>
          <p:cNvGrpSpPr/>
          <p:nvPr/>
        </p:nvGrpSpPr>
        <p:grpSpPr>
          <a:xfrm>
            <a:off x="1053852" y="1397151"/>
            <a:ext cx="10292107" cy="3544017"/>
            <a:chOff x="553410" y="1253135"/>
            <a:chExt cx="8702161" cy="2996530"/>
          </a:xfrm>
        </p:grpSpPr>
        <p:pic>
          <p:nvPicPr>
            <p:cNvPr id="4" name="Graphic 3">
              <a:extLst>
                <a:ext uri="{FF2B5EF4-FFF2-40B4-BE49-F238E27FC236}">
                  <a16:creationId xmlns:a16="http://schemas.microsoft.com/office/drawing/2014/main" id="{FC282287-E416-8843-A4D1-9962B391FC9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3410" y="1253135"/>
              <a:ext cx="2996530" cy="2996530"/>
            </a:xfrm>
            <a:prstGeom prst="rect">
              <a:avLst/>
            </a:prstGeom>
          </p:spPr>
        </p:pic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77B4BFC3-A717-BB49-9096-E739EE62A1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2451751" y="1253135"/>
              <a:ext cx="2996530" cy="2996530"/>
            </a:xfrm>
            <a:prstGeom prst="rect">
              <a:avLst/>
            </a:prstGeom>
          </p:spPr>
        </p:pic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8A97BD1C-ED78-CB41-BD52-FF524E207B2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4350092" y="1253135"/>
              <a:ext cx="2996530" cy="2996530"/>
            </a:xfrm>
            <a:prstGeom prst="rect">
              <a:avLst/>
            </a:prstGeom>
          </p:spPr>
        </p:pic>
        <p:pic>
          <p:nvPicPr>
            <p:cNvPr id="7" name="Graphic 6">
              <a:extLst>
                <a:ext uri="{FF2B5EF4-FFF2-40B4-BE49-F238E27FC236}">
                  <a16:creationId xmlns:a16="http://schemas.microsoft.com/office/drawing/2014/main" id="{DE916046-A72F-AD47-9FB1-68AD37807C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6259041" y="1253135"/>
              <a:ext cx="2996530" cy="2996530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/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0D72D778-E82C-BD4A-AA9D-B1D7257D705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497325" y="1397151"/>
                <a:ext cx="591444" cy="355610"/>
              </a:xfrm>
              <a:prstGeom prst="rect">
                <a:avLst/>
              </a:prstGeom>
              <a:blipFill>
                <a:blip r:embed="rId12"/>
                <a:stretch>
                  <a:fillRect l="-8333" t="-3333" b="-16667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/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F5FD34F1-F1FF-D044-9B37-4A463D3E01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42506" y="1427005"/>
                <a:ext cx="591444" cy="354969"/>
              </a:xfrm>
              <a:prstGeom prst="rect">
                <a:avLst/>
              </a:prstGeom>
              <a:blipFill>
                <a:blip r:embed="rId13"/>
                <a:stretch>
                  <a:fillRect l="-8333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/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00213D52-E3A2-4C4B-90A7-8540277482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77299" y="1422135"/>
                <a:ext cx="591444" cy="354969"/>
              </a:xfrm>
              <a:prstGeom prst="rect">
                <a:avLst/>
              </a:prstGeom>
              <a:blipFill>
                <a:blip r:embed="rId14"/>
                <a:stretch>
                  <a:fillRect l="-10417" t="-3333" b="-1333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/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e>
                        <m:sub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  <m:sup>
                          <m:r>
                            <a:rPr lang="da-DK" sz="24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19C1B3CF-0891-DE48-9DEC-29D26EB6371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63065" y="1428839"/>
                <a:ext cx="591444" cy="354969"/>
              </a:xfrm>
              <a:prstGeom prst="rect">
                <a:avLst/>
              </a:prstGeom>
              <a:blipFill>
                <a:blip r:embed="rId15"/>
                <a:stretch>
                  <a:fillRect l="-10417" t="-3448" b="-17241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TextBox 13">
            <a:extLst>
              <a:ext uri="{FF2B5EF4-FFF2-40B4-BE49-F238E27FC236}">
                <a16:creationId xmlns:a16="http://schemas.microsoft.com/office/drawing/2014/main" id="{FAE72AA1-53EF-664A-87F0-1B9245D16B19}"/>
              </a:ext>
            </a:extLst>
          </p:cNvPr>
          <p:cNvSpPr txBox="1"/>
          <p:nvPr/>
        </p:nvSpPr>
        <p:spPr>
          <a:xfrm>
            <a:off x="2028585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7B750E9-BC1F-7A49-9E6E-A04A2C4A460A}"/>
              </a:ext>
            </a:extLst>
          </p:cNvPr>
          <p:cNvSpPr txBox="1"/>
          <p:nvPr/>
        </p:nvSpPr>
        <p:spPr>
          <a:xfrm>
            <a:off x="2028585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DD2F75E-AAB5-E740-948C-DC3C452B72F1}"/>
              </a:ext>
            </a:extLst>
          </p:cNvPr>
          <p:cNvSpPr txBox="1"/>
          <p:nvPr/>
        </p:nvSpPr>
        <p:spPr>
          <a:xfrm>
            <a:off x="2028585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3E6E0C-DD1F-DB4A-ABD3-114BB521DF12}"/>
              </a:ext>
            </a:extLst>
          </p:cNvPr>
          <p:cNvSpPr txBox="1"/>
          <p:nvPr/>
        </p:nvSpPr>
        <p:spPr>
          <a:xfrm>
            <a:off x="2028584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5B6393EF-8BC3-D040-8F23-75DD90B7436E}"/>
              </a:ext>
            </a:extLst>
          </p:cNvPr>
          <p:cNvSpPr txBox="1"/>
          <p:nvPr/>
        </p:nvSpPr>
        <p:spPr>
          <a:xfrm>
            <a:off x="2024336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4078955-E4A9-6645-A97E-26273D16065C}"/>
              </a:ext>
            </a:extLst>
          </p:cNvPr>
          <p:cNvSpPr txBox="1"/>
          <p:nvPr/>
        </p:nvSpPr>
        <p:spPr>
          <a:xfrm>
            <a:off x="2024336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680B03B-7C26-774F-BB32-84CBD2FFA054}"/>
              </a:ext>
            </a:extLst>
          </p:cNvPr>
          <p:cNvSpPr txBox="1"/>
          <p:nvPr/>
        </p:nvSpPr>
        <p:spPr>
          <a:xfrm>
            <a:off x="4303522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9B06EFC-7E2E-5F43-893E-6877AAFE01FB}"/>
              </a:ext>
            </a:extLst>
          </p:cNvPr>
          <p:cNvSpPr txBox="1"/>
          <p:nvPr/>
        </p:nvSpPr>
        <p:spPr>
          <a:xfrm>
            <a:off x="4303522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43ED407-9F51-DC48-BE84-DFD4BF9CFB98}"/>
              </a:ext>
            </a:extLst>
          </p:cNvPr>
          <p:cNvSpPr txBox="1"/>
          <p:nvPr/>
        </p:nvSpPr>
        <p:spPr>
          <a:xfrm>
            <a:off x="4303522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F54988B-E5F0-5148-AA4B-8FAC6464B607}"/>
              </a:ext>
            </a:extLst>
          </p:cNvPr>
          <p:cNvSpPr txBox="1"/>
          <p:nvPr/>
        </p:nvSpPr>
        <p:spPr>
          <a:xfrm>
            <a:off x="4303521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0FD2D5B-C7B5-6F4E-A1E6-A43517F00DDE}"/>
              </a:ext>
            </a:extLst>
          </p:cNvPr>
          <p:cNvSpPr txBox="1"/>
          <p:nvPr/>
        </p:nvSpPr>
        <p:spPr>
          <a:xfrm>
            <a:off x="4299273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0ADEDAEF-6248-6B41-8B2F-7F92028D2C5D}"/>
              </a:ext>
            </a:extLst>
          </p:cNvPr>
          <p:cNvSpPr txBox="1"/>
          <p:nvPr/>
        </p:nvSpPr>
        <p:spPr>
          <a:xfrm>
            <a:off x="4299273" y="2091885"/>
            <a:ext cx="80150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4BD8CC98-9724-A444-BE5D-D761A3572F9F}"/>
              </a:ext>
            </a:extLst>
          </p:cNvPr>
          <p:cNvSpPr txBox="1"/>
          <p:nvPr/>
        </p:nvSpPr>
        <p:spPr>
          <a:xfrm>
            <a:off x="6548703" y="354159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E46A5E6-8F55-C84D-AD84-EDC462859284}"/>
              </a:ext>
            </a:extLst>
          </p:cNvPr>
          <p:cNvSpPr txBox="1"/>
          <p:nvPr/>
        </p:nvSpPr>
        <p:spPr>
          <a:xfrm>
            <a:off x="6548703" y="333260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E3378DB-3B84-6847-88EB-02D5D3DCEC3C}"/>
              </a:ext>
            </a:extLst>
          </p:cNvPr>
          <p:cNvSpPr txBox="1"/>
          <p:nvPr/>
        </p:nvSpPr>
        <p:spPr>
          <a:xfrm>
            <a:off x="6548703" y="3081442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61CE81F-F73E-D143-ACEC-C556F2EFA367}"/>
              </a:ext>
            </a:extLst>
          </p:cNvPr>
          <p:cNvSpPr txBox="1"/>
          <p:nvPr/>
        </p:nvSpPr>
        <p:spPr>
          <a:xfrm>
            <a:off x="6548702" y="280416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9425B60-08A1-D14E-B039-C6560829C5C4}"/>
              </a:ext>
            </a:extLst>
          </p:cNvPr>
          <p:cNvSpPr txBox="1"/>
          <p:nvPr/>
        </p:nvSpPr>
        <p:spPr>
          <a:xfrm>
            <a:off x="6544454" y="2498947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5058FDC-6F4C-8B45-9254-BA339F9F531B}"/>
              </a:ext>
            </a:extLst>
          </p:cNvPr>
          <p:cNvSpPr txBox="1"/>
          <p:nvPr/>
        </p:nvSpPr>
        <p:spPr>
          <a:xfrm>
            <a:off x="6544454" y="2091885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2F4E5182-75A2-4246-99B6-3613574C9F16}"/>
              </a:ext>
            </a:extLst>
          </p:cNvPr>
          <p:cNvSpPr txBox="1"/>
          <p:nvPr/>
        </p:nvSpPr>
        <p:spPr>
          <a:xfrm>
            <a:off x="8813738" y="3537480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3B8F172-69E3-7E4D-ABB4-7B5ED57FDFC7}"/>
              </a:ext>
            </a:extLst>
          </p:cNvPr>
          <p:cNvSpPr txBox="1"/>
          <p:nvPr/>
        </p:nvSpPr>
        <p:spPr>
          <a:xfrm>
            <a:off x="8813738" y="332848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8C37026-3548-7745-9689-FD48918CEDE8}"/>
              </a:ext>
            </a:extLst>
          </p:cNvPr>
          <p:cNvSpPr txBox="1"/>
          <p:nvPr/>
        </p:nvSpPr>
        <p:spPr>
          <a:xfrm>
            <a:off x="8813738" y="3077323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D069DDD-E3AC-F045-A3CD-E4E77F2B618A}"/>
              </a:ext>
            </a:extLst>
          </p:cNvPr>
          <p:cNvSpPr txBox="1"/>
          <p:nvPr/>
        </p:nvSpPr>
        <p:spPr>
          <a:xfrm>
            <a:off x="8813737" y="2800049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1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E05A9529-31FE-084E-A67D-0532633C6EEC}"/>
              </a:ext>
            </a:extLst>
          </p:cNvPr>
          <p:cNvSpPr txBox="1"/>
          <p:nvPr/>
        </p:nvSpPr>
        <p:spPr>
          <a:xfrm>
            <a:off x="8809489" y="2494828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2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1F036DA5-B470-2247-9024-7A6C65A8F4D0}"/>
              </a:ext>
            </a:extLst>
          </p:cNvPr>
          <p:cNvSpPr txBox="1"/>
          <p:nvPr/>
        </p:nvSpPr>
        <p:spPr>
          <a:xfrm>
            <a:off x="8809489" y="2087766"/>
            <a:ext cx="8015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200" dirty="0">
                <a:latin typeface="+mn-lt"/>
              </a:rPr>
              <a:t>3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/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shallow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692B30BE-D27A-304B-B9B0-F46AD64C91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3692" y="5247397"/>
                <a:ext cx="4197367" cy="576376"/>
              </a:xfrm>
              <a:prstGeom prst="rect">
                <a:avLst/>
              </a:prstGeom>
              <a:blipFill>
                <a:blip r:embed="rId16"/>
                <a:stretch>
                  <a:fillRect l="-906" t="-2174" r="-906" b="-195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7" name="TextBox 46">
            <a:extLst>
              <a:ext uri="{FF2B5EF4-FFF2-40B4-BE49-F238E27FC236}">
                <a16:creationId xmlns:a16="http://schemas.microsoft.com/office/drawing/2014/main" id="{41437B5F-DADD-274F-9892-AC54C6DB1ADB}"/>
              </a:ext>
            </a:extLst>
          </p:cNvPr>
          <p:cNvSpPr txBox="1"/>
          <p:nvPr/>
        </p:nvSpPr>
        <p:spPr>
          <a:xfrm rot="16200000">
            <a:off x="1564214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5AE7640F-01BA-EA40-85DF-AD2BB1312561}"/>
              </a:ext>
            </a:extLst>
          </p:cNvPr>
          <p:cNvSpPr txBox="1"/>
          <p:nvPr/>
        </p:nvSpPr>
        <p:spPr>
          <a:xfrm rot="16200000">
            <a:off x="1460019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3E40D124-E02B-C84D-B054-90B6F5606A45}"/>
              </a:ext>
            </a:extLst>
          </p:cNvPr>
          <p:cNvSpPr txBox="1"/>
          <p:nvPr/>
        </p:nvSpPr>
        <p:spPr>
          <a:xfrm rot="16200000">
            <a:off x="3849521" y="2404287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4EF1312-8EE1-6A40-AA73-A22E25667EC2}"/>
              </a:ext>
            </a:extLst>
          </p:cNvPr>
          <p:cNvSpPr txBox="1"/>
          <p:nvPr/>
        </p:nvSpPr>
        <p:spPr>
          <a:xfrm rot="16200000">
            <a:off x="3745326" y="3253741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8D27FFB1-9209-4B42-8D5B-7C51732D6714}"/>
              </a:ext>
            </a:extLst>
          </p:cNvPr>
          <p:cNvSpPr txBox="1"/>
          <p:nvPr/>
        </p:nvSpPr>
        <p:spPr>
          <a:xfrm rot="16200000">
            <a:off x="6076934" y="2404288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C5227C7-9AB7-6441-9723-A087BF18C88F}"/>
              </a:ext>
            </a:extLst>
          </p:cNvPr>
          <p:cNvSpPr txBox="1"/>
          <p:nvPr/>
        </p:nvSpPr>
        <p:spPr>
          <a:xfrm rot="16200000">
            <a:off x="5972739" y="3253742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EB42E333-3656-1940-9ABF-C3B3625EF201}"/>
              </a:ext>
            </a:extLst>
          </p:cNvPr>
          <p:cNvSpPr txBox="1"/>
          <p:nvPr/>
        </p:nvSpPr>
        <p:spPr>
          <a:xfrm rot="16200000">
            <a:off x="8336343" y="2404286"/>
            <a:ext cx="405560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Deep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A19B799-4410-4C42-A4D8-29759F665CAC}"/>
              </a:ext>
            </a:extLst>
          </p:cNvPr>
          <p:cNvSpPr txBox="1"/>
          <p:nvPr/>
        </p:nvSpPr>
        <p:spPr>
          <a:xfrm rot="16200000">
            <a:off x="8232148" y="3253740"/>
            <a:ext cx="613951" cy="2046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400" dirty="0">
                <a:latin typeface="+mn-lt"/>
              </a:rPr>
              <a:t>Shallow</a:t>
            </a:r>
          </a:p>
        </p:txBody>
      </p:sp>
      <p:sp>
        <p:nvSpPr>
          <p:cNvPr id="57" name="Right Brace 56">
            <a:extLst>
              <a:ext uri="{FF2B5EF4-FFF2-40B4-BE49-F238E27FC236}">
                <a16:creationId xmlns:a16="http://schemas.microsoft.com/office/drawing/2014/main" id="{DC641A03-16BB-C742-B199-291355632EA7}"/>
              </a:ext>
            </a:extLst>
          </p:cNvPr>
          <p:cNvSpPr/>
          <p:nvPr/>
        </p:nvSpPr>
        <p:spPr bwMode="auto">
          <a:xfrm rot="5400000">
            <a:off x="2573298" y="3798419"/>
            <a:ext cx="458156" cy="2031023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8" name="Right Brace 57">
            <a:extLst>
              <a:ext uri="{FF2B5EF4-FFF2-40B4-BE49-F238E27FC236}">
                <a16:creationId xmlns:a16="http://schemas.microsoft.com/office/drawing/2014/main" id="{4CA981F1-D60D-1048-9D97-57751A1D45F7}"/>
              </a:ext>
            </a:extLst>
          </p:cNvPr>
          <p:cNvSpPr/>
          <p:nvPr/>
        </p:nvSpPr>
        <p:spPr bwMode="auto">
          <a:xfrm rot="5400000">
            <a:off x="7093663" y="1644024"/>
            <a:ext cx="458159" cy="6336211"/>
          </a:xfrm>
          <a:prstGeom prst="rightBrace">
            <a:avLst>
              <a:gd name="adj1" fmla="val 87500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/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Sup>
                        <m:sSubSupPr>
                          <m:ctrlPr>
                            <a:rPr lang="en-DK" sz="240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VX</m:t>
                          </m:r>
                        </m:e>
                        <m:sub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1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st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b>
                        <m:sup>
                          <m:sSup>
                            <m:sSupPr>
                              <m:ctrlPr>
                                <a:rPr lang="da-DK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interval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of</m:t>
                              </m:r>
                              <m: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 2</m:t>
                              </m:r>
                            </m:e>
                            <m:sup>
                              <m:r>
                                <m:rPr>
                                  <m:sty m:val="p"/>
                                </m:rPr>
                                <a:rPr lang="da-DK" sz="2400" b="0" i="0" smtClean="0">
                                  <a:latin typeface="Cambria Math" panose="02040503050406030204" pitchFamily="18" charset="0"/>
                                </a:rPr>
                                <m:t>nd</m:t>
                              </m:r>
                            </m:sup>
                          </m:sSup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coalescent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 (</m:t>
                          </m:r>
                          <m:r>
                            <m:rPr>
                              <m:sty m:val="p"/>
                            </m:rP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deep</m:t>
                          </m:r>
                          <m:r>
                            <a:rPr lang="da-DK" sz="2400" b="0" i="0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bSup>
                    </m:oMath>
                  </m:oMathPara>
                </a14:m>
                <a:endParaRPr lang="en-DK" sz="2400" dirty="0">
                  <a:latin typeface="+mn-lt"/>
                </a:endParaRPr>
              </a:p>
            </p:txBody>
          </p:sp>
        </mc:Choice>
        <mc:Fallback xmlns=""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BBC34C1A-9593-9846-8816-B8E989FDCFA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36012" y="5230482"/>
                <a:ext cx="4017062" cy="576376"/>
              </a:xfrm>
              <a:prstGeom prst="rect">
                <a:avLst/>
              </a:prstGeom>
              <a:blipFill>
                <a:blip r:embed="rId17"/>
                <a:stretch>
                  <a:fillRect l="-631" t="-2128" r="-631" b="-19149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07784099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A9AE3A83-C096-3E48-81D0-78058BB7BE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GB" b="0" cap="none" dirty="0"/>
              <a:t>The CTMCs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C1A20EA-0170-014F-9AEB-A618AEC76FE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86100" y="692696"/>
            <a:ext cx="5616624" cy="561662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1B38C78-ED7B-D14D-AC7B-8D324EEFD0E1}"/>
              </a:ext>
            </a:extLst>
          </p:cNvPr>
          <p:cNvSpPr txBox="1"/>
          <p:nvPr/>
        </p:nvSpPr>
        <p:spPr>
          <a:xfrm>
            <a:off x="3322104" y="4419458"/>
            <a:ext cx="165618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3AC8911-9C62-5845-8023-068930238CF5}"/>
              </a:ext>
            </a:extLst>
          </p:cNvPr>
          <p:cNvSpPr txBox="1"/>
          <p:nvPr/>
        </p:nvSpPr>
        <p:spPr>
          <a:xfrm>
            <a:off x="7696687" y="4833388"/>
            <a:ext cx="16294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1663D34-5B0A-FD4E-AD1D-11A270399A24}"/>
              </a:ext>
            </a:extLst>
          </p:cNvPr>
          <p:cNvSpPr txBox="1"/>
          <p:nvPr/>
        </p:nvSpPr>
        <p:spPr>
          <a:xfrm>
            <a:off x="7750596" y="3960117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One-sequence CTMC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2766B2-B426-4047-AF21-A0BA0152FA50}"/>
              </a:ext>
            </a:extLst>
          </p:cNvPr>
          <p:cNvSpPr txBox="1"/>
          <p:nvPr/>
        </p:nvSpPr>
        <p:spPr>
          <a:xfrm>
            <a:off x="2998067" y="3347083"/>
            <a:ext cx="1440161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wo-sequence CTM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383634D-70E3-1A45-AB4F-53F8DC7B0727}"/>
              </a:ext>
            </a:extLst>
          </p:cNvPr>
          <p:cNvSpPr txBox="1"/>
          <p:nvPr/>
        </p:nvSpPr>
        <p:spPr>
          <a:xfrm>
            <a:off x="7534572" y="1980129"/>
            <a:ext cx="15841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Three-sequence CTMC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7F1D49A-05F7-E249-A392-F288EBC70788}"/>
              </a:ext>
            </a:extLst>
          </p:cNvPr>
          <p:cNvCxnSpPr>
            <a:cxnSpLocks/>
          </p:cNvCxnSpPr>
          <p:nvPr/>
        </p:nvCxnSpPr>
        <p:spPr bwMode="auto">
          <a:xfrm>
            <a:off x="3718148" y="3672085"/>
            <a:ext cx="1800200" cy="260971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6A38B27E-BD29-3741-8E36-424AF3A0E982}"/>
              </a:ext>
            </a:extLst>
          </p:cNvPr>
          <p:cNvCxnSpPr>
            <a:cxnSpLocks/>
          </p:cNvCxnSpPr>
          <p:nvPr/>
        </p:nvCxnSpPr>
        <p:spPr bwMode="auto">
          <a:xfrm>
            <a:off x="4087001" y="4725144"/>
            <a:ext cx="1179513" cy="2880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103EF3-5355-C34A-A423-6C97E952EBAA}"/>
              </a:ext>
            </a:extLst>
          </p:cNvPr>
          <p:cNvCxnSpPr>
            <a:cxnSpLocks/>
          </p:cNvCxnSpPr>
          <p:nvPr/>
        </p:nvCxnSpPr>
        <p:spPr bwMode="auto">
          <a:xfrm flipH="1">
            <a:off x="6175991" y="5067298"/>
            <a:ext cx="1358581" cy="0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4BD0146-5AA4-BA41-BB71-C33B62578611}"/>
              </a:ext>
            </a:extLst>
          </p:cNvPr>
          <p:cNvCxnSpPr>
            <a:cxnSpLocks/>
          </p:cNvCxnSpPr>
          <p:nvPr/>
        </p:nvCxnSpPr>
        <p:spPr bwMode="auto">
          <a:xfrm flipH="1">
            <a:off x="6801744" y="4194027"/>
            <a:ext cx="894943" cy="175433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57AF9D7-81D1-FE41-AE71-0024175DD45C}"/>
              </a:ext>
            </a:extLst>
          </p:cNvPr>
          <p:cNvCxnSpPr>
            <a:cxnSpLocks/>
          </p:cNvCxnSpPr>
          <p:nvPr/>
        </p:nvCxnSpPr>
        <p:spPr bwMode="auto">
          <a:xfrm flipH="1">
            <a:off x="5973458" y="2195689"/>
            <a:ext cx="1489106" cy="447988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4" name="Picture 2">
            <a:extLst>
              <a:ext uri="{FF2B5EF4-FFF2-40B4-BE49-F238E27FC236}">
                <a16:creationId xmlns:a16="http://schemas.microsoft.com/office/drawing/2014/main" id="{9462E155-83BA-C843-98CF-F857409A46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2243" r="205" b="95429"/>
          <a:stretch/>
        </p:blipFill>
        <p:spPr bwMode="auto">
          <a:xfrm>
            <a:off x="6865868" y="5566613"/>
            <a:ext cx="525187" cy="1666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5EEC40DE-7815-6B44-8EE0-0C5A6CC2B5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9601" r="205" b="87334"/>
          <a:stretch/>
        </p:blipFill>
        <p:spPr bwMode="auto">
          <a:xfrm>
            <a:off x="4798767" y="5517232"/>
            <a:ext cx="525187" cy="21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>
            <a:extLst>
              <a:ext uri="{FF2B5EF4-FFF2-40B4-BE49-F238E27FC236}">
                <a16:creationId xmlns:a16="http://schemas.microsoft.com/office/drawing/2014/main" id="{8747FA80-7443-6649-A715-663EF57F557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43" t="6583" r="205" b="91405"/>
          <a:stretch/>
        </p:blipFill>
        <p:spPr bwMode="auto">
          <a:xfrm>
            <a:off x="6022903" y="5589240"/>
            <a:ext cx="525187" cy="1440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09539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Trebuchet MS">
      <a:majorFont>
        <a:latin typeface="Trebuchet MS" panose="020B0603020202020204"/>
        <a:ea typeface=""/>
        <a:cs typeface=""/>
        <a:font script="Jpan" typeface="HGｺﾞｼｯｸM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HG丸ｺﾞｼｯｸM-PRO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03</Words>
  <Application>Microsoft Macintosh PowerPoint</Application>
  <PresentationFormat>Custom</PresentationFormat>
  <Paragraphs>394</Paragraphs>
  <Slides>36</Slides>
  <Notes>33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6</vt:i4>
      </vt:variant>
    </vt:vector>
  </HeadingPairs>
  <TitlesOfParts>
    <vt:vector size="46" baseType="lpstr">
      <vt:lpstr>AU Peto</vt:lpstr>
      <vt:lpstr>Wingdings 3</vt:lpstr>
      <vt:lpstr>Cambria Math</vt:lpstr>
      <vt:lpstr>Calibri</vt:lpstr>
      <vt:lpstr>Arial</vt:lpstr>
      <vt:lpstr>AU Passata Light</vt:lpstr>
      <vt:lpstr>AU Passata</vt:lpstr>
      <vt:lpstr>Trebuchet MS</vt:lpstr>
      <vt:lpstr>Georgia</vt:lpstr>
      <vt:lpstr>AU 16:9</vt:lpstr>
      <vt:lpstr>ILSMC: a phylogenetically aware SMC to infer the evolutionary history of species</vt:lpstr>
      <vt:lpstr>Overview</vt:lpstr>
      <vt:lpstr>Incomplete lineage sorting (ILS)</vt:lpstr>
      <vt:lpstr>HMMs</vt:lpstr>
      <vt:lpstr>HMMs</vt:lpstr>
      <vt:lpstr>ILSMC</vt:lpstr>
      <vt:lpstr>The hidden states</vt:lpstr>
      <vt:lpstr>The hidden state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CTMCs</vt:lpstr>
      <vt:lpstr>The transition probability matrix</vt:lpstr>
      <vt:lpstr>The transition probability matrix</vt:lpstr>
      <vt:lpstr>The transition probability matrix</vt:lpstr>
      <vt:lpstr>The transition probability matrix</vt:lpstr>
      <vt:lpstr>The transition probability matrix</vt:lpstr>
      <vt:lpstr>Simulating from the model</vt:lpstr>
      <vt:lpstr>Simulating from the model</vt:lpstr>
      <vt:lpstr>Simulating from the model</vt:lpstr>
      <vt:lpstr>PowerPoint Presentation</vt:lpstr>
      <vt:lpstr>PowerPoint Presentation</vt:lpstr>
      <vt:lpstr>Discussion</vt:lpstr>
      <vt:lpstr>Discussion</vt:lpstr>
      <vt:lpstr>Discuss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4-28T06:19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